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28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26042\Desktop\年報\1　概況\"/>
    </mc:Choice>
  </mc:AlternateContent>
  <xr:revisionPtr revIDLastSave="0" documentId="8_{F1D41855-9DD6-4894-9AFB-21B957426239}" xr6:coauthVersionLast="47" xr6:coauthVersionMax="47" xr10:uidLastSave="{00000000-0000-0000-0000-000000000000}"/>
  <bookViews>
    <workbookView xWindow="-120" yWindow="-120" windowWidth="29040" windowHeight="15720" tabRatio="903" xr2:uid="{00000000-000D-0000-FFFF-FFFF00000000}"/>
  </bookViews>
  <sheets>
    <sheet name="名古屋港港湾統計" sheetId="2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5" uniqueCount="49">
  <si>
    <t>輸出</t>
  </si>
  <si>
    <t>輸入</t>
  </si>
  <si>
    <t>令和６年 名古屋港港湾統計</t>
  </si>
  <si>
    <t>（単位：隻・総トン）</t>
  </si>
  <si>
    <t>令和６年</t>
  </si>
  <si>
    <t>令和５年</t>
  </si>
  <si>
    <t>前年比（％）</t>
  </si>
  <si>
    <t>入港船舶</t>
  </si>
  <si>
    <t>隻数</t>
  </si>
  <si>
    <t>総トン数</t>
  </si>
  <si>
    <t>総   数</t>
  </si>
  <si>
    <t>外 航 船 舶</t>
  </si>
  <si>
    <t>内数</t>
  </si>
  <si>
    <t>コンテナ船</t>
  </si>
  <si>
    <t>内 航 船 舶</t>
  </si>
  <si>
    <t>（単位：トン・TEU）</t>
  </si>
  <si>
    <t>取扱貨物量</t>
  </si>
  <si>
    <t>数   量</t>
  </si>
  <si>
    <t>外貿</t>
  </si>
  <si>
    <t>計</t>
  </si>
  <si>
    <t>内貿</t>
  </si>
  <si>
    <t>移出</t>
  </si>
  <si>
    <t>移入</t>
  </si>
  <si>
    <t>コンテナ計</t>
  </si>
  <si>
    <t>トン数</t>
  </si>
  <si>
    <t>輸移出</t>
  </si>
  <si>
    <t>輸移入</t>
  </si>
  <si>
    <t>個数</t>
  </si>
  <si>
    <t>実空計</t>
  </si>
  <si>
    <t>実</t>
  </si>
  <si>
    <t>空</t>
  </si>
  <si>
    <t>外貿コンテナ</t>
  </si>
  <si>
    <t>内貿コンテナ</t>
  </si>
  <si>
    <t>過去の最高記録</t>
  </si>
  <si>
    <t>入 港 船 舶 隻 数</t>
  </si>
  <si>
    <t>昭和４４年</t>
  </si>
  <si>
    <t>船 舶 総 ト ン 数</t>
  </si>
  <si>
    <t>平成１９年</t>
  </si>
  <si>
    <t>総 取 扱 貨 物 量</t>
  </si>
  <si>
    <t>平成２０年</t>
  </si>
  <si>
    <t>外　貿　貨　物　量</t>
  </si>
  <si>
    <t>平成２５年</t>
  </si>
  <si>
    <t>内　貿　貨　物　量</t>
  </si>
  <si>
    <t>コンテナ貨物量（外貿内数）</t>
  </si>
  <si>
    <t>平成３０年</t>
  </si>
  <si>
    <t>コンテナ貨物量（内貿内数）</t>
  </si>
  <si>
    <t>コンテナ個数　（外貿内数）</t>
  </si>
  <si>
    <t>コンテナ個数　（内貿内数）</t>
  </si>
  <si>
    <t>(注)内貿コンテナは平成１０年より集計開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177" formatCode="#,##0.0"/>
    <numFmt numFmtId="180" formatCode="#,##0.0;[Red]\-#,##0.0"/>
    <numFmt numFmtId="182" formatCode="&quot;  &quot;#,##0.0&quot; &quot;"/>
    <numFmt numFmtId="183" formatCode="&quot;  &quot;#,##0&quot; &quot;"/>
    <numFmt numFmtId="184" formatCode="#,##0&quot; トン　　　　　　&quot;"/>
    <numFmt numFmtId="185" formatCode="#,##0&quot; TEU 　　　　　　&quot;"/>
    <numFmt numFmtId="186" formatCode="#,##0&quot; 隻　　　　　　　&quot;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ゴシック"/>
      <family val="3"/>
      <charset val="128"/>
    </font>
    <font>
      <sz val="8"/>
      <name val="ＭＳ 明朝"/>
      <family val="1"/>
      <charset val="128"/>
    </font>
    <font>
      <b/>
      <sz val="9"/>
      <name val="ＭＳ 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ゴシック"/>
      <family val="3"/>
      <charset val="128"/>
    </font>
    <font>
      <b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99">
    <xf numFmtId="0" fontId="0" fillId="0" borderId="0" xfId="0"/>
    <xf numFmtId="0" fontId="3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6" fillId="0" borderId="3" xfId="0" applyFont="1" applyBorder="1" applyAlignment="1">
      <alignment horizontal="right" vertical="center"/>
    </xf>
    <xf numFmtId="0" fontId="0" fillId="0" borderId="3" xfId="0" applyBorder="1" applyAlignment="1">
      <alignment vertical="center"/>
    </xf>
    <xf numFmtId="0" fontId="6" fillId="0" borderId="3" xfId="0" applyFont="1" applyBorder="1" applyAlignment="1">
      <alignment horizontal="right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center" vertical="center" shrinkToFit="1"/>
    </xf>
    <xf numFmtId="38" fontId="8" fillId="0" borderId="14" xfId="0" quotePrefix="1" applyNumberFormat="1" applyFont="1" applyBorder="1" applyAlignment="1">
      <alignment horizontal="right" vertical="center" shrinkToFit="1"/>
    </xf>
    <xf numFmtId="38" fontId="7" fillId="0" borderId="4" xfId="0" quotePrefix="1" applyNumberFormat="1" applyFont="1" applyBorder="1" applyAlignment="1">
      <alignment horizontal="right" vertical="center" shrinkToFit="1"/>
    </xf>
    <xf numFmtId="38" fontId="7" fillId="0" borderId="18" xfId="0" quotePrefix="1" applyNumberFormat="1" applyFont="1" applyBorder="1" applyAlignment="1">
      <alignment horizontal="right" vertical="center" shrinkToFit="1"/>
    </xf>
    <xf numFmtId="0" fontId="7" fillId="0" borderId="5" xfId="0" applyFont="1" applyBorder="1" applyAlignment="1">
      <alignment horizontal="center" vertical="center" shrinkToFit="1"/>
    </xf>
    <xf numFmtId="38" fontId="7" fillId="0" borderId="6" xfId="0" quotePrefix="1" applyNumberFormat="1" applyFont="1" applyBorder="1" applyAlignment="1">
      <alignment horizontal="right" vertical="center" shrinkToFit="1"/>
    </xf>
    <xf numFmtId="38" fontId="7" fillId="0" borderId="19" xfId="0" quotePrefix="1" applyNumberFormat="1" applyFont="1" applyBorder="1" applyAlignment="1">
      <alignment horizontal="right" vertical="center" shrinkToFit="1"/>
    </xf>
    <xf numFmtId="0" fontId="7" fillId="0" borderId="11" xfId="0" applyFont="1" applyBorder="1" applyAlignment="1">
      <alignment horizontal="center" vertical="center"/>
    </xf>
    <xf numFmtId="3" fontId="7" fillId="0" borderId="11" xfId="0" quotePrefix="1" applyNumberFormat="1" applyFont="1" applyBorder="1" applyAlignment="1">
      <alignment horizontal="right" vertical="center"/>
    </xf>
    <xf numFmtId="177" fontId="7" fillId="0" borderId="11" xfId="0" applyNumberFormat="1" applyFont="1" applyBorder="1" applyAlignment="1">
      <alignment horizontal="right" vertical="center"/>
    </xf>
    <xf numFmtId="177" fontId="7" fillId="0" borderId="11" xfId="0" applyNumberFormat="1" applyFont="1" applyBorder="1" applyAlignment="1">
      <alignment horizontal="right"/>
    </xf>
    <xf numFmtId="0" fontId="8" fillId="0" borderId="1" xfId="0" applyFont="1" applyBorder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183" fontId="10" fillId="0" borderId="1" xfId="0" applyNumberFormat="1" applyFont="1" applyBorder="1" applyAlignment="1">
      <alignment horizontal="center" vertical="center" shrinkToFit="1"/>
    </xf>
    <xf numFmtId="183" fontId="10" fillId="0" borderId="7" xfId="0" applyNumberFormat="1" applyFont="1" applyBorder="1" applyAlignment="1">
      <alignment horizontal="center" vertical="center" shrinkToFit="1"/>
    </xf>
    <xf numFmtId="183" fontId="10" fillId="0" borderId="2" xfId="0" applyNumberFormat="1" applyFont="1" applyBorder="1" applyAlignment="1">
      <alignment horizontal="center" vertical="center" shrinkToFit="1"/>
    </xf>
    <xf numFmtId="183" fontId="10" fillId="0" borderId="8" xfId="0" applyNumberFormat="1" applyFont="1" applyBorder="1" applyAlignment="1">
      <alignment horizontal="center" vertical="center" shrinkToFit="1"/>
    </xf>
    <xf numFmtId="0" fontId="9" fillId="0" borderId="0" xfId="0" applyFont="1" applyAlignment="1">
      <alignment vertical="center"/>
    </xf>
    <xf numFmtId="38" fontId="8" fillId="0" borderId="1" xfId="0" quotePrefix="1" applyNumberFormat="1" applyFont="1" applyBorder="1" applyAlignment="1">
      <alignment horizontal="right" vertical="center" shrinkToFit="1"/>
    </xf>
    <xf numFmtId="180" fontId="8" fillId="0" borderId="1" xfId="0" applyNumberFormat="1" applyFont="1" applyBorder="1" applyAlignment="1">
      <alignment horizontal="right" vertical="center" shrinkToFit="1"/>
    </xf>
    <xf numFmtId="180" fontId="8" fillId="0" borderId="8" xfId="0" applyNumberFormat="1" applyFont="1" applyBorder="1" applyAlignment="1">
      <alignment horizontal="right" vertical="center" shrinkToFit="1"/>
    </xf>
    <xf numFmtId="180" fontId="7" fillId="0" borderId="4" xfId="0" applyNumberFormat="1" applyFont="1" applyBorder="1" applyAlignment="1">
      <alignment horizontal="right" vertical="center" shrinkToFit="1"/>
    </xf>
    <xf numFmtId="180" fontId="7" fillId="0" borderId="20" xfId="0" applyNumberFormat="1" applyFont="1" applyBorder="1" applyAlignment="1">
      <alignment horizontal="right" vertical="center" shrinkToFit="1"/>
    </xf>
    <xf numFmtId="38" fontId="7" fillId="0" borderId="14" xfId="0" quotePrefix="1" applyNumberFormat="1" applyFont="1" applyBorder="1" applyAlignment="1">
      <alignment horizontal="right" vertical="center" shrinkToFit="1"/>
    </xf>
    <xf numFmtId="38" fontId="7" fillId="0" borderId="21" xfId="0" quotePrefix="1" applyNumberFormat="1" applyFont="1" applyBorder="1" applyAlignment="1">
      <alignment horizontal="right" vertical="center" shrinkToFit="1"/>
    </xf>
    <xf numFmtId="180" fontId="7" fillId="0" borderId="14" xfId="0" applyNumberFormat="1" applyFont="1" applyBorder="1" applyAlignment="1">
      <alignment horizontal="right" vertical="center" shrinkToFit="1"/>
    </xf>
    <xf numFmtId="180" fontId="7" fillId="0" borderId="22" xfId="0" applyNumberFormat="1" applyFont="1" applyBorder="1" applyAlignment="1">
      <alignment horizontal="right" vertical="center" shrinkToFit="1"/>
    </xf>
    <xf numFmtId="180" fontId="7" fillId="0" borderId="6" xfId="0" applyNumberFormat="1" applyFont="1" applyBorder="1" applyAlignment="1">
      <alignment horizontal="right" vertical="center" shrinkToFit="1"/>
    </xf>
    <xf numFmtId="0" fontId="7" fillId="0" borderId="9" xfId="0" applyFont="1" applyBorder="1" applyAlignment="1">
      <alignment horizontal="center" vertical="center" shrinkToFit="1"/>
    </xf>
    <xf numFmtId="38" fontId="7" fillId="0" borderId="23" xfId="0" quotePrefix="1" applyNumberFormat="1" applyFont="1" applyBorder="1" applyAlignment="1">
      <alignment horizontal="right" vertical="center" shrinkToFit="1"/>
    </xf>
    <xf numFmtId="38" fontId="7" fillId="0" borderId="24" xfId="0" quotePrefix="1" applyNumberFormat="1" applyFont="1" applyBorder="1" applyAlignment="1">
      <alignment horizontal="right" vertical="center" shrinkToFit="1"/>
    </xf>
    <xf numFmtId="180" fontId="7" fillId="0" borderId="23" xfId="0" applyNumberFormat="1" applyFont="1" applyBorder="1" applyAlignment="1">
      <alignment horizontal="right" vertical="center" shrinkToFit="1"/>
    </xf>
    <xf numFmtId="180" fontId="7" fillId="0" borderId="25" xfId="0" applyNumberFormat="1" applyFont="1" applyBorder="1" applyAlignment="1">
      <alignment horizontal="right" vertical="center" shrinkToFit="1"/>
    </xf>
    <xf numFmtId="0" fontId="7" fillId="0" borderId="0" xfId="0" applyFont="1" applyAlignment="1">
      <alignment horizontal="center" vertical="center" textRotation="255"/>
    </xf>
    <xf numFmtId="0" fontId="8" fillId="0" borderId="0" xfId="0" applyFont="1" applyAlignment="1">
      <alignment horizontal="center" vertical="center"/>
    </xf>
    <xf numFmtId="183" fontId="8" fillId="0" borderId="0" xfId="0" applyNumberFormat="1" applyFont="1" applyAlignment="1">
      <alignment horizontal="right" vertical="center"/>
    </xf>
    <xf numFmtId="182" fontId="8" fillId="0" borderId="0" xfId="0" applyNumberFormat="1" applyFont="1" applyAlignment="1">
      <alignment horizontal="right" vertical="center"/>
    </xf>
    <xf numFmtId="0" fontId="11" fillId="0" borderId="0" xfId="0" applyFont="1" applyAlignment="1">
      <alignment horizontal="right" vertical="center"/>
    </xf>
    <xf numFmtId="0" fontId="13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183" fontId="7" fillId="0" borderId="0" xfId="0" applyNumberFormat="1" applyFont="1" applyAlignment="1">
      <alignment horizontal="left" vertical="center"/>
    </xf>
    <xf numFmtId="182" fontId="7" fillId="0" borderId="0" xfId="0" applyNumberFormat="1" applyFont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183" fontId="6" fillId="0" borderId="70" xfId="0" applyNumberFormat="1" applyFont="1" applyFill="1" applyBorder="1" applyAlignment="1">
      <alignment horizontal="center" vertical="center"/>
    </xf>
    <xf numFmtId="183" fontId="6" fillId="0" borderId="71" xfId="0" applyNumberFormat="1" applyFont="1" applyFill="1" applyBorder="1" applyAlignment="1">
      <alignment horizontal="center" vertical="center"/>
    </xf>
    <xf numFmtId="183" fontId="6" fillId="0" borderId="72" xfId="0" applyNumberFormat="1" applyFont="1" applyFill="1" applyBorder="1" applyAlignment="1">
      <alignment horizontal="center" vertical="center"/>
    </xf>
    <xf numFmtId="185" fontId="6" fillId="0" borderId="73" xfId="0" applyNumberFormat="1" applyFont="1" applyFill="1" applyBorder="1" applyAlignment="1">
      <alignment horizontal="right" vertical="center"/>
    </xf>
    <xf numFmtId="185" fontId="6" fillId="0" borderId="71" xfId="0" applyNumberFormat="1" applyFont="1" applyFill="1" applyBorder="1" applyAlignment="1">
      <alignment horizontal="right" vertical="center"/>
    </xf>
    <xf numFmtId="185" fontId="6" fillId="0" borderId="72" xfId="0" applyNumberFormat="1" applyFont="1" applyFill="1" applyBorder="1" applyAlignment="1">
      <alignment horizontal="right" vertical="center"/>
    </xf>
    <xf numFmtId="182" fontId="6" fillId="0" borderId="73" xfId="0" applyNumberFormat="1" applyFont="1" applyFill="1" applyBorder="1" applyAlignment="1">
      <alignment horizontal="center" vertical="center"/>
    </xf>
    <xf numFmtId="182" fontId="6" fillId="0" borderId="71" xfId="0" applyNumberFormat="1" applyFont="1" applyFill="1" applyBorder="1" applyAlignment="1">
      <alignment horizontal="center" vertical="center"/>
    </xf>
    <xf numFmtId="182" fontId="6" fillId="0" borderId="74" xfId="0" applyNumberFormat="1" applyFont="1" applyFill="1" applyBorder="1" applyAlignment="1">
      <alignment horizontal="center" vertical="center"/>
    </xf>
    <xf numFmtId="183" fontId="6" fillId="0" borderId="39" xfId="0" applyNumberFormat="1" applyFont="1" applyFill="1" applyBorder="1" applyAlignment="1">
      <alignment horizontal="center" vertical="center"/>
    </xf>
    <xf numFmtId="183" fontId="6" fillId="0" borderId="59" xfId="0" applyNumberFormat="1" applyFont="1" applyFill="1" applyBorder="1" applyAlignment="1">
      <alignment horizontal="center" vertical="center"/>
    </xf>
    <xf numFmtId="183" fontId="6" fillId="0" borderId="19" xfId="0" applyNumberFormat="1" applyFont="1" applyFill="1" applyBorder="1" applyAlignment="1">
      <alignment horizontal="center" vertical="center"/>
    </xf>
    <xf numFmtId="184" fontId="6" fillId="0" borderId="41" xfId="0" applyNumberFormat="1" applyFont="1" applyFill="1" applyBorder="1" applyAlignment="1">
      <alignment horizontal="right" vertical="center"/>
    </xf>
    <xf numFmtId="184" fontId="6" fillId="0" borderId="59" xfId="0" applyNumberFormat="1" applyFont="1" applyFill="1" applyBorder="1" applyAlignment="1">
      <alignment horizontal="right" vertical="center"/>
    </xf>
    <xf numFmtId="184" fontId="6" fillId="0" borderId="19" xfId="0" applyNumberFormat="1" applyFont="1" applyFill="1" applyBorder="1" applyAlignment="1">
      <alignment horizontal="right" vertical="center"/>
    </xf>
    <xf numFmtId="182" fontId="6" fillId="0" borderId="41" xfId="0" applyNumberFormat="1" applyFont="1" applyFill="1" applyBorder="1" applyAlignment="1">
      <alignment horizontal="center" vertical="center"/>
    </xf>
    <xf numFmtId="182" fontId="6" fillId="0" borderId="59" xfId="0" applyNumberFormat="1" applyFont="1" applyFill="1" applyBorder="1" applyAlignment="1">
      <alignment horizontal="center" vertical="center"/>
    </xf>
    <xf numFmtId="182" fontId="6" fillId="0" borderId="42" xfId="0" applyNumberFormat="1" applyFont="1" applyFill="1" applyBorder="1" applyAlignment="1">
      <alignment horizontal="center" vertical="center"/>
    </xf>
    <xf numFmtId="183" fontId="6" fillId="0" borderId="69" xfId="0" applyNumberFormat="1" applyFont="1" applyFill="1" applyBorder="1" applyAlignment="1">
      <alignment horizontal="center" vertical="center"/>
    </xf>
    <xf numFmtId="183" fontId="6" fillId="0" borderId="58" xfId="0" applyNumberFormat="1" applyFont="1" applyFill="1" applyBorder="1" applyAlignment="1">
      <alignment horizontal="center" vertical="center"/>
    </xf>
    <xf numFmtId="183" fontId="6" fillId="0" borderId="18" xfId="0" applyNumberFormat="1" applyFont="1" applyFill="1" applyBorder="1" applyAlignment="1">
      <alignment horizontal="center" vertical="center"/>
    </xf>
    <xf numFmtId="185" fontId="6" fillId="0" borderId="37" xfId="0" applyNumberFormat="1" applyFont="1" applyFill="1" applyBorder="1" applyAlignment="1">
      <alignment horizontal="right" vertical="center"/>
    </xf>
    <xf numFmtId="185" fontId="6" fillId="0" borderId="58" xfId="0" applyNumberFormat="1" applyFont="1" applyFill="1" applyBorder="1" applyAlignment="1">
      <alignment horizontal="right" vertical="center"/>
    </xf>
    <xf numFmtId="185" fontId="6" fillId="0" borderId="18" xfId="0" applyNumberFormat="1" applyFont="1" applyFill="1" applyBorder="1" applyAlignment="1">
      <alignment horizontal="right" vertical="center"/>
    </xf>
    <xf numFmtId="182" fontId="6" fillId="0" borderId="37" xfId="0" applyNumberFormat="1" applyFont="1" applyFill="1" applyBorder="1" applyAlignment="1">
      <alignment horizontal="center" vertical="center"/>
    </xf>
    <xf numFmtId="182" fontId="6" fillId="0" borderId="58" xfId="0" applyNumberFormat="1" applyFont="1" applyFill="1" applyBorder="1" applyAlignment="1">
      <alignment horizontal="center" vertical="center"/>
    </xf>
    <xf numFmtId="182" fontId="6" fillId="0" borderId="38" xfId="0" applyNumberFormat="1" applyFont="1" applyFill="1" applyBorder="1" applyAlignment="1">
      <alignment horizontal="center" vertical="center"/>
    </xf>
    <xf numFmtId="184" fontId="6" fillId="0" borderId="37" xfId="0" applyNumberFormat="1" applyFont="1" applyFill="1" applyBorder="1" applyAlignment="1">
      <alignment horizontal="right" vertical="center"/>
    </xf>
    <xf numFmtId="184" fontId="6" fillId="0" borderId="58" xfId="0" applyNumberFormat="1" applyFont="1" applyFill="1" applyBorder="1" applyAlignment="1">
      <alignment horizontal="right" vertical="center"/>
    </xf>
    <xf numFmtId="184" fontId="6" fillId="0" borderId="18" xfId="0" applyNumberFormat="1" applyFont="1" applyFill="1" applyBorder="1" applyAlignment="1">
      <alignment horizontal="right" vertical="center"/>
    </xf>
    <xf numFmtId="183" fontId="6" fillId="0" borderId="63" xfId="0" applyNumberFormat="1" applyFont="1" applyFill="1" applyBorder="1" applyAlignment="1">
      <alignment horizontal="center" vertical="center"/>
    </xf>
    <xf numFmtId="183" fontId="6" fillId="0" borderId="64" xfId="0" applyNumberFormat="1" applyFont="1" applyFill="1" applyBorder="1" applyAlignment="1">
      <alignment horizontal="center" vertical="center"/>
    </xf>
    <xf numFmtId="183" fontId="6" fillId="0" borderId="65" xfId="0" applyNumberFormat="1" applyFont="1" applyFill="1" applyBorder="1" applyAlignment="1">
      <alignment horizontal="center" vertical="center"/>
    </xf>
    <xf numFmtId="186" fontId="6" fillId="0" borderId="66" xfId="0" applyNumberFormat="1" applyFont="1" applyFill="1" applyBorder="1" applyAlignment="1">
      <alignment horizontal="right" vertical="center"/>
    </xf>
    <xf numFmtId="186" fontId="6" fillId="0" borderId="64" xfId="0" applyNumberFormat="1" applyFont="1" applyFill="1" applyBorder="1" applyAlignment="1">
      <alignment horizontal="right" vertical="center"/>
    </xf>
    <xf numFmtId="186" fontId="6" fillId="0" borderId="65" xfId="0" applyNumberFormat="1" applyFont="1" applyFill="1" applyBorder="1" applyAlignment="1">
      <alignment horizontal="right" vertical="center"/>
    </xf>
    <xf numFmtId="182" fontId="6" fillId="0" borderId="66" xfId="0" applyNumberFormat="1" applyFont="1" applyFill="1" applyBorder="1" applyAlignment="1">
      <alignment horizontal="center" vertical="center"/>
    </xf>
    <xf numFmtId="182" fontId="6" fillId="0" borderId="64" xfId="0" applyNumberFormat="1" applyFont="1" applyFill="1" applyBorder="1" applyAlignment="1">
      <alignment horizontal="center" vertical="center"/>
    </xf>
    <xf numFmtId="182" fontId="6" fillId="0" borderId="67" xfId="0" applyNumberFormat="1" applyFont="1" applyFill="1" applyBorder="1" applyAlignment="1">
      <alignment horizontal="center" vertical="center"/>
    </xf>
    <xf numFmtId="183" fontId="6" fillId="0" borderId="68" xfId="0" applyNumberFormat="1" applyFont="1" applyFill="1" applyBorder="1" applyAlignment="1">
      <alignment horizontal="center" vertical="center"/>
    </xf>
    <xf numFmtId="183" fontId="6" fillId="0" borderId="7" xfId="0" applyNumberFormat="1" applyFont="1" applyFill="1" applyBorder="1" applyAlignment="1">
      <alignment horizontal="center" vertical="center"/>
    </xf>
    <xf numFmtId="183" fontId="6" fillId="0" borderId="12" xfId="0" applyNumberFormat="1" applyFont="1" applyFill="1" applyBorder="1" applyAlignment="1">
      <alignment horizontal="center" vertical="center"/>
    </xf>
    <xf numFmtId="184" fontId="6" fillId="0" borderId="2" xfId="0" applyNumberFormat="1" applyFont="1" applyFill="1" applyBorder="1" applyAlignment="1">
      <alignment horizontal="right" vertical="center"/>
    </xf>
    <xf numFmtId="184" fontId="6" fillId="0" borderId="7" xfId="0" applyNumberFormat="1" applyFont="1" applyFill="1" applyBorder="1" applyAlignment="1">
      <alignment horizontal="right" vertical="center"/>
    </xf>
    <xf numFmtId="184" fontId="6" fillId="0" borderId="12" xfId="0" applyNumberFormat="1" applyFont="1" applyFill="1" applyBorder="1" applyAlignment="1">
      <alignment horizontal="right" vertical="center"/>
    </xf>
    <xf numFmtId="182" fontId="6" fillId="0" borderId="2" xfId="0" applyNumberFormat="1" applyFont="1" applyFill="1" applyBorder="1" applyAlignment="1">
      <alignment horizontal="center" vertical="center"/>
    </xf>
    <xf numFmtId="182" fontId="6" fillId="0" borderId="7" xfId="0" applyNumberFormat="1" applyFont="1" applyFill="1" applyBorder="1" applyAlignment="1">
      <alignment horizontal="center" vertical="center"/>
    </xf>
    <xf numFmtId="182" fontId="6" fillId="0" borderId="57" xfId="0" applyNumberFormat="1" applyFont="1" applyFill="1" applyBorder="1" applyAlignment="1">
      <alignment horizontal="center" vertical="center"/>
    </xf>
    <xf numFmtId="0" fontId="7" fillId="0" borderId="55" xfId="0" applyFont="1" applyBorder="1" applyAlignment="1">
      <alignment horizontal="center" vertical="center" textRotation="255" shrinkToFit="1"/>
    </xf>
    <xf numFmtId="0" fontId="7" fillId="0" borderId="56" xfId="0" applyFont="1" applyBorder="1" applyAlignment="1">
      <alignment horizontal="center" vertical="center" textRotation="255" shrinkToFit="1"/>
    </xf>
    <xf numFmtId="0" fontId="7" fillId="0" borderId="61" xfId="0" applyFont="1" applyBorder="1" applyAlignment="1">
      <alignment horizontal="center" vertical="center" textRotation="255" shrinkToFit="1"/>
    </xf>
    <xf numFmtId="0" fontId="7" fillId="0" borderId="13" xfId="0" applyFont="1" applyBorder="1" applyAlignment="1">
      <alignment horizontal="center" vertical="center" textRotation="255" shrinkToFit="1"/>
    </xf>
    <xf numFmtId="0" fontId="7" fillId="0" borderId="60" xfId="0" applyFont="1" applyBorder="1" applyAlignment="1">
      <alignment horizontal="center" vertical="center" textRotation="255" shrinkToFit="1"/>
    </xf>
    <xf numFmtId="0" fontId="7" fillId="0" borderId="14" xfId="0" applyFont="1" applyBorder="1" applyAlignment="1">
      <alignment horizontal="center" vertical="center" textRotation="255" shrinkToFit="1"/>
    </xf>
    <xf numFmtId="38" fontId="8" fillId="0" borderId="2" xfId="0" applyNumberFormat="1" applyFont="1" applyBorder="1" applyAlignment="1">
      <alignment horizontal="right" vertical="center" shrinkToFit="1"/>
    </xf>
    <xf numFmtId="38" fontId="8" fillId="0" borderId="7" xfId="0" applyNumberFormat="1" applyFont="1" applyBorder="1" applyAlignment="1">
      <alignment horizontal="right" vertical="center" shrinkToFit="1"/>
    </xf>
    <xf numFmtId="38" fontId="8" fillId="0" borderId="12" xfId="0" applyNumberFormat="1" applyFont="1" applyBorder="1" applyAlignment="1">
      <alignment horizontal="right" vertical="center" shrinkToFit="1"/>
    </xf>
    <xf numFmtId="180" fontId="8" fillId="0" borderId="2" xfId="0" applyNumberFormat="1" applyFont="1" applyBorder="1" applyAlignment="1">
      <alignment horizontal="right" vertical="center" shrinkToFit="1"/>
    </xf>
    <xf numFmtId="180" fontId="11" fillId="0" borderId="7" xfId="0" applyNumberFormat="1" applyFont="1" applyBorder="1" applyAlignment="1">
      <alignment horizontal="right" vertical="center" shrinkToFit="1"/>
    </xf>
    <xf numFmtId="180" fontId="11" fillId="0" borderId="57" xfId="0" applyNumberFormat="1" applyFont="1" applyBorder="1" applyAlignment="1">
      <alignment horizontal="right" vertical="center" shrinkToFit="1"/>
    </xf>
    <xf numFmtId="38" fontId="7" fillId="0" borderId="37" xfId="0" applyNumberFormat="1" applyFont="1" applyBorder="1" applyAlignment="1">
      <alignment horizontal="right" vertical="center" shrinkToFit="1"/>
    </xf>
    <xf numFmtId="38" fontId="7" fillId="0" borderId="58" xfId="0" applyNumberFormat="1" applyFont="1" applyBorder="1" applyAlignment="1">
      <alignment horizontal="right" vertical="center" shrinkToFit="1"/>
    </xf>
    <xf numFmtId="38" fontId="7" fillId="0" borderId="18" xfId="0" applyNumberFormat="1" applyFont="1" applyBorder="1" applyAlignment="1">
      <alignment horizontal="right" vertical="center" shrinkToFit="1"/>
    </xf>
    <xf numFmtId="180" fontId="7" fillId="0" borderId="37" xfId="0" applyNumberFormat="1" applyFont="1" applyBorder="1" applyAlignment="1">
      <alignment horizontal="right" vertical="center" shrinkToFit="1"/>
    </xf>
    <xf numFmtId="180" fontId="11" fillId="0" borderId="58" xfId="0" applyNumberFormat="1" applyFont="1" applyBorder="1" applyAlignment="1">
      <alignment horizontal="right" vertical="center" shrinkToFit="1"/>
    </xf>
    <xf numFmtId="180" fontId="11" fillId="0" borderId="38" xfId="0" applyNumberFormat="1" applyFont="1" applyBorder="1" applyAlignment="1">
      <alignment horizontal="right" vertical="center" shrinkToFit="1"/>
    </xf>
    <xf numFmtId="38" fontId="7" fillId="0" borderId="41" xfId="0" applyNumberFormat="1" applyFont="1" applyBorder="1" applyAlignment="1">
      <alignment horizontal="right" vertical="center" shrinkToFit="1"/>
    </xf>
    <xf numFmtId="38" fontId="7" fillId="0" borderId="59" xfId="0" applyNumberFormat="1" applyFont="1" applyBorder="1" applyAlignment="1">
      <alignment horizontal="right" vertical="center" shrinkToFit="1"/>
    </xf>
    <xf numFmtId="38" fontId="7" fillId="0" borderId="19" xfId="0" applyNumberFormat="1" applyFont="1" applyBorder="1" applyAlignment="1">
      <alignment horizontal="right" vertical="center" shrinkToFit="1"/>
    </xf>
    <xf numFmtId="180" fontId="7" fillId="0" borderId="41" xfId="0" applyNumberFormat="1" applyFont="1" applyBorder="1" applyAlignment="1">
      <alignment horizontal="right" vertical="center" shrinkToFit="1"/>
    </xf>
    <xf numFmtId="180" fontId="11" fillId="0" borderId="59" xfId="0" applyNumberFormat="1" applyFont="1" applyBorder="1" applyAlignment="1">
      <alignment horizontal="right" vertical="center" shrinkToFit="1"/>
    </xf>
    <xf numFmtId="180" fontId="11" fillId="0" borderId="42" xfId="0" applyNumberFormat="1" applyFont="1" applyBorder="1" applyAlignment="1">
      <alignment horizontal="right" vertical="center" shrinkToFit="1"/>
    </xf>
    <xf numFmtId="0" fontId="7" fillId="0" borderId="23" xfId="0" applyFont="1" applyBorder="1" applyAlignment="1">
      <alignment horizontal="center" vertical="center" textRotation="255" shrinkToFit="1"/>
    </xf>
    <xf numFmtId="0" fontId="8" fillId="0" borderId="13" xfId="0" applyFont="1" applyBorder="1" applyAlignment="1">
      <alignment horizontal="center" vertical="center" shrinkToFit="1"/>
    </xf>
    <xf numFmtId="0" fontId="8" fillId="0" borderId="14" xfId="0" applyFont="1" applyBorder="1" applyAlignment="1">
      <alignment horizontal="center" vertical="center" shrinkToFit="1"/>
    </xf>
    <xf numFmtId="183" fontId="10" fillId="0" borderId="2" xfId="0" applyNumberFormat="1" applyFont="1" applyBorder="1" applyAlignment="1">
      <alignment horizontal="center" vertical="center" shrinkToFit="1"/>
    </xf>
    <xf numFmtId="0" fontId="7" fillId="0" borderId="12" xfId="0" applyFont="1" applyBorder="1" applyAlignment="1">
      <alignment vertical="center" shrinkToFit="1"/>
    </xf>
    <xf numFmtId="180" fontId="8" fillId="0" borderId="12" xfId="0" applyNumberFormat="1" applyFont="1" applyBorder="1" applyAlignment="1">
      <alignment horizontal="right" vertical="center" shrinkToFit="1"/>
    </xf>
    <xf numFmtId="180" fontId="7" fillId="0" borderId="18" xfId="0" applyNumberFormat="1" applyFont="1" applyBorder="1" applyAlignment="1">
      <alignment horizontal="right" vertical="center" shrinkToFit="1"/>
    </xf>
    <xf numFmtId="180" fontId="7" fillId="0" borderId="62" xfId="0" applyNumberFormat="1" applyFont="1" applyBorder="1" applyAlignment="1">
      <alignment horizontal="right" vertical="center" shrinkToFit="1"/>
    </xf>
    <xf numFmtId="180" fontId="7" fillId="0" borderId="24" xfId="0" applyNumberFormat="1" applyFont="1" applyBorder="1" applyAlignment="1">
      <alignment horizontal="right" vertical="center" shrinkToFit="1"/>
    </xf>
    <xf numFmtId="0" fontId="7" fillId="0" borderId="32" xfId="0" applyFont="1" applyBorder="1" applyAlignment="1">
      <alignment horizontal="center" vertical="center" textRotation="255" shrinkToFit="1"/>
    </xf>
    <xf numFmtId="180" fontId="7" fillId="0" borderId="19" xfId="0" applyNumberFormat="1" applyFont="1" applyBorder="1" applyAlignment="1">
      <alignment horizontal="right" vertical="center" shrinkToFit="1"/>
    </xf>
    <xf numFmtId="180" fontId="11" fillId="0" borderId="7" xfId="0" applyNumberFormat="1" applyFont="1" applyBorder="1" applyAlignment="1">
      <alignment vertical="center" shrinkToFit="1"/>
    </xf>
    <xf numFmtId="180" fontId="11" fillId="0" borderId="57" xfId="0" applyNumberFormat="1" applyFont="1" applyBorder="1" applyAlignment="1">
      <alignment vertical="center" shrinkToFit="1"/>
    </xf>
    <xf numFmtId="180" fontId="11" fillId="0" borderId="58" xfId="0" applyNumberFormat="1" applyFont="1" applyBorder="1" applyAlignment="1">
      <alignment vertical="center" shrinkToFit="1"/>
    </xf>
    <xf numFmtId="180" fontId="11" fillId="0" borderId="38" xfId="0" applyNumberFormat="1" applyFont="1" applyBorder="1" applyAlignment="1">
      <alignment vertical="center" shrinkToFit="1"/>
    </xf>
    <xf numFmtId="180" fontId="11" fillId="0" borderId="59" xfId="0" applyNumberFormat="1" applyFont="1" applyBorder="1" applyAlignment="1">
      <alignment vertical="center" shrinkToFit="1"/>
    </xf>
    <xf numFmtId="180" fontId="11" fillId="0" borderId="42" xfId="0" applyNumberFormat="1" applyFont="1" applyBorder="1" applyAlignment="1">
      <alignment vertical="center" shrinkToFit="1"/>
    </xf>
    <xf numFmtId="0" fontId="8" fillId="0" borderId="2" xfId="0" applyFont="1" applyBorder="1" applyAlignment="1">
      <alignment horizontal="center" vertical="center" shrinkToFit="1"/>
    </xf>
    <xf numFmtId="0" fontId="8" fillId="0" borderId="12" xfId="0" applyFont="1" applyBorder="1" applyAlignment="1">
      <alignment horizontal="center" vertical="center" shrinkToFit="1"/>
    </xf>
    <xf numFmtId="0" fontId="7" fillId="0" borderId="37" xfId="0" applyFont="1" applyBorder="1" applyAlignment="1">
      <alignment horizontal="center" vertical="center" shrinkToFit="1"/>
    </xf>
    <xf numFmtId="0" fontId="7" fillId="0" borderId="18" xfId="0" applyFont="1" applyBorder="1" applyAlignment="1">
      <alignment horizontal="center" vertical="center" shrinkToFit="1"/>
    </xf>
    <xf numFmtId="0" fontId="7" fillId="0" borderId="41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0" fontId="12" fillId="0" borderId="48" xfId="0" applyFont="1" applyBorder="1" applyAlignment="1">
      <alignment horizontal="center" vertical="center" shrinkToFit="1"/>
    </xf>
    <xf numFmtId="0" fontId="12" fillId="0" borderId="49" xfId="0" applyFont="1" applyBorder="1" applyAlignment="1">
      <alignment horizontal="center" vertical="center" shrinkToFit="1"/>
    </xf>
    <xf numFmtId="0" fontId="12" fillId="0" borderId="50" xfId="0" applyFont="1" applyBorder="1" applyAlignment="1">
      <alignment horizontal="center" vertical="center" shrinkToFit="1"/>
    </xf>
    <xf numFmtId="0" fontId="12" fillId="0" borderId="51" xfId="0" applyFont="1" applyBorder="1" applyAlignment="1">
      <alignment horizontal="center" vertical="center" shrinkToFit="1"/>
    </xf>
    <xf numFmtId="0" fontId="12" fillId="0" borderId="52" xfId="0" applyFont="1" applyBorder="1" applyAlignment="1">
      <alignment horizontal="center" vertical="center" shrinkToFit="1"/>
    </xf>
    <xf numFmtId="0" fontId="1" fillId="0" borderId="51" xfId="0" applyFont="1" applyBorder="1" applyAlignment="1">
      <alignment horizontal="center" vertical="center" shrinkToFit="1"/>
    </xf>
    <xf numFmtId="0" fontId="1" fillId="0" borderId="53" xfId="0" applyFont="1" applyBorder="1" applyAlignment="1">
      <alignment horizontal="center" vertical="center" shrinkToFit="1"/>
    </xf>
    <xf numFmtId="0" fontId="8" fillId="0" borderId="32" xfId="0" applyFont="1" applyBorder="1" applyAlignment="1">
      <alignment horizontal="center" vertical="center" shrinkToFit="1"/>
    </xf>
    <xf numFmtId="38" fontId="8" fillId="0" borderId="33" xfId="0" applyNumberFormat="1" applyFont="1" applyBorder="1" applyAlignment="1">
      <alignment horizontal="right" vertical="center" shrinkToFit="1"/>
    </xf>
    <xf numFmtId="38" fontId="8" fillId="0" borderId="54" xfId="0" applyNumberFormat="1" applyFont="1" applyBorder="1" applyAlignment="1">
      <alignment horizontal="right" vertical="center" shrinkToFit="1"/>
    </xf>
    <xf numFmtId="38" fontId="8" fillId="0" borderId="34" xfId="0" applyNumberFormat="1" applyFont="1" applyBorder="1" applyAlignment="1">
      <alignment horizontal="right" vertical="center" shrinkToFit="1"/>
    </xf>
    <xf numFmtId="180" fontId="8" fillId="0" borderId="33" xfId="0" applyNumberFormat="1" applyFont="1" applyBorder="1" applyAlignment="1">
      <alignment horizontal="right" vertical="center" shrinkToFit="1"/>
    </xf>
    <xf numFmtId="180" fontId="11" fillId="0" borderId="54" xfId="0" applyNumberFormat="1" applyFont="1" applyBorder="1" applyAlignment="1">
      <alignment vertical="center" shrinkToFit="1"/>
    </xf>
    <xf numFmtId="180" fontId="11" fillId="0" borderId="35" xfId="0" applyNumberFormat="1" applyFont="1" applyBorder="1" applyAlignment="1">
      <alignment vertical="center" shrinkToFit="1"/>
    </xf>
    <xf numFmtId="0" fontId="7" fillId="0" borderId="39" xfId="0" applyFont="1" applyBorder="1" applyAlignment="1">
      <alignment horizontal="center" vertical="center" shrinkToFit="1"/>
    </xf>
    <xf numFmtId="0" fontId="7" fillId="0" borderId="40" xfId="0" applyFont="1" applyBorder="1" applyAlignment="1">
      <alignment horizontal="center" vertical="center" shrinkToFit="1"/>
    </xf>
    <xf numFmtId="38" fontId="7" fillId="0" borderId="41" xfId="0" quotePrefix="1" applyNumberFormat="1" applyFont="1" applyBorder="1" applyAlignment="1">
      <alignment horizontal="right" vertical="center" shrinkToFit="1"/>
    </xf>
    <xf numFmtId="38" fontId="7" fillId="0" borderId="19" xfId="0" quotePrefix="1" applyNumberFormat="1" applyFont="1" applyBorder="1" applyAlignment="1">
      <alignment horizontal="right" vertical="center" shrinkToFit="1"/>
    </xf>
    <xf numFmtId="180" fontId="11" fillId="0" borderId="19" xfId="0" applyNumberFormat="1" applyFont="1" applyBorder="1" applyAlignment="1">
      <alignment horizontal="right" vertical="center" shrinkToFit="1"/>
    </xf>
    <xf numFmtId="0" fontId="7" fillId="0" borderId="43" xfId="0" applyFont="1" applyBorder="1" applyAlignment="1">
      <alignment horizontal="center" vertical="center" shrinkToFit="1"/>
    </xf>
    <xf numFmtId="0" fontId="7" fillId="0" borderId="44" xfId="0" applyFont="1" applyBorder="1" applyAlignment="1">
      <alignment horizontal="center" vertical="center" shrinkToFit="1"/>
    </xf>
    <xf numFmtId="38" fontId="7" fillId="0" borderId="45" xfId="0" quotePrefix="1" applyNumberFormat="1" applyFont="1" applyBorder="1" applyAlignment="1">
      <alignment horizontal="right" vertical="center" shrinkToFit="1"/>
    </xf>
    <xf numFmtId="38" fontId="7" fillId="0" borderId="46" xfId="0" quotePrefix="1" applyNumberFormat="1" applyFont="1" applyBorder="1" applyAlignment="1">
      <alignment horizontal="right" vertical="center" shrinkToFit="1"/>
    </xf>
    <xf numFmtId="180" fontId="7" fillId="0" borderId="45" xfId="0" applyNumberFormat="1" applyFont="1" applyBorder="1" applyAlignment="1">
      <alignment horizontal="right" vertical="center" shrinkToFit="1"/>
    </xf>
    <xf numFmtId="180" fontId="11" fillId="0" borderId="46" xfId="0" applyNumberFormat="1" applyFont="1" applyBorder="1" applyAlignment="1">
      <alignment horizontal="right" vertical="center" shrinkToFit="1"/>
    </xf>
    <xf numFmtId="180" fontId="11" fillId="0" borderId="47" xfId="0" applyNumberFormat="1" applyFont="1" applyBorder="1" applyAlignment="1">
      <alignment vertical="center" shrinkToFit="1"/>
    </xf>
    <xf numFmtId="38" fontId="8" fillId="0" borderId="33" xfId="0" quotePrefix="1" applyNumberFormat="1" applyFont="1" applyBorder="1" applyAlignment="1">
      <alignment horizontal="right" vertical="center" shrinkToFit="1"/>
    </xf>
    <xf numFmtId="38" fontId="8" fillId="0" borderId="34" xfId="0" quotePrefix="1" applyNumberFormat="1" applyFont="1" applyBorder="1" applyAlignment="1">
      <alignment horizontal="right" vertical="center" shrinkToFit="1"/>
    </xf>
    <xf numFmtId="180" fontId="11" fillId="0" borderId="34" xfId="0" applyNumberFormat="1" applyFont="1" applyBorder="1" applyAlignment="1">
      <alignment horizontal="right" vertical="center" shrinkToFit="1"/>
    </xf>
    <xf numFmtId="0" fontId="7" fillId="0" borderId="36" xfId="0" applyFont="1" applyBorder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38" fontId="7" fillId="0" borderId="37" xfId="0" quotePrefix="1" applyNumberFormat="1" applyFont="1" applyBorder="1" applyAlignment="1">
      <alignment horizontal="right" vertical="center" shrinkToFit="1"/>
    </xf>
    <xf numFmtId="38" fontId="7" fillId="0" borderId="18" xfId="0" quotePrefix="1" applyNumberFormat="1" applyFont="1" applyBorder="1" applyAlignment="1">
      <alignment horizontal="right" vertical="center" shrinkToFit="1"/>
    </xf>
    <xf numFmtId="180" fontId="11" fillId="0" borderId="18" xfId="0" applyNumberFormat="1" applyFont="1" applyBorder="1" applyAlignment="1">
      <alignment horizontal="right" vertical="center" shrinkToFit="1"/>
    </xf>
    <xf numFmtId="0" fontId="5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12" fillId="0" borderId="26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center" vertical="center" shrinkToFit="1"/>
    </xf>
    <xf numFmtId="0" fontId="1" fillId="0" borderId="16" xfId="0" applyFont="1" applyBorder="1" applyAlignment="1">
      <alignment horizontal="center" vertical="center" shrinkToFit="1"/>
    </xf>
    <xf numFmtId="0" fontId="1" fillId="0" borderId="27" xfId="0" applyFont="1" applyBorder="1" applyAlignment="1">
      <alignment horizontal="center" vertical="center" shrinkToFit="1"/>
    </xf>
    <xf numFmtId="0" fontId="12" fillId="0" borderId="28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29" xfId="0" applyFont="1" applyBorder="1" applyAlignment="1">
      <alignment horizontal="center" vertical="center" shrinkToFit="1"/>
    </xf>
    <xf numFmtId="0" fontId="12" fillId="0" borderId="30" xfId="0" applyFont="1" applyBorder="1" applyAlignment="1">
      <alignment horizontal="center" vertical="center" shrinkToFit="1"/>
    </xf>
    <xf numFmtId="0" fontId="1" fillId="0" borderId="30" xfId="0" applyFont="1" applyBorder="1" applyAlignment="1">
      <alignment horizontal="center" vertical="center" shrinkToFit="1"/>
    </xf>
    <xf numFmtId="0" fontId="1" fillId="0" borderId="31" xfId="0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lnDef>
      <a:spPr/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M51"/>
  <sheetViews>
    <sheetView tabSelected="1" zoomScaleNormal="100" zoomScaleSheetLayoutView="100" workbookViewId="0">
      <selection sqref="A1:M1"/>
    </sheetView>
  </sheetViews>
  <sheetFormatPr defaultRowHeight="17.25" customHeight="1"/>
  <cols>
    <col min="1" max="2" width="2.625" style="4" customWidth="1"/>
    <col min="3" max="3" width="8.625" style="4" bestFit="1" customWidth="1"/>
    <col min="4" max="5" width="10.125" style="1" bestFit="1" customWidth="1"/>
    <col min="6" max="6" width="9.125" style="1" customWidth="1"/>
    <col min="7" max="8" width="10.125" style="1" bestFit="1" customWidth="1"/>
    <col min="9" max="9" width="9.125" style="1" customWidth="1"/>
    <col min="10" max="10" width="7.125" style="1" bestFit="1" customWidth="1"/>
    <col min="11" max="12" width="3.875" style="1" customWidth="1"/>
    <col min="13" max="13" width="7.125" style="1" customWidth="1"/>
    <col min="14" max="256" width="9" style="1"/>
    <col min="257" max="258" width="2.625" style="1" customWidth="1"/>
    <col min="259" max="259" width="8.625" style="1" bestFit="1" customWidth="1"/>
    <col min="260" max="261" width="10.125" style="1" bestFit="1" customWidth="1"/>
    <col min="262" max="262" width="9.125" style="1" customWidth="1"/>
    <col min="263" max="264" width="10.125" style="1" bestFit="1" customWidth="1"/>
    <col min="265" max="265" width="9.125" style="1" customWidth="1"/>
    <col min="266" max="266" width="7.125" style="1" bestFit="1" customWidth="1"/>
    <col min="267" max="268" width="3.875" style="1" customWidth="1"/>
    <col min="269" max="269" width="7.125" style="1" customWidth="1"/>
    <col min="270" max="512" width="9" style="1"/>
    <col min="513" max="514" width="2.625" style="1" customWidth="1"/>
    <col min="515" max="515" width="8.625" style="1" bestFit="1" customWidth="1"/>
    <col min="516" max="517" width="10.125" style="1" bestFit="1" customWidth="1"/>
    <col min="518" max="518" width="9.125" style="1" customWidth="1"/>
    <col min="519" max="520" width="10.125" style="1" bestFit="1" customWidth="1"/>
    <col min="521" max="521" width="9.125" style="1" customWidth="1"/>
    <col min="522" max="522" width="7.125" style="1" bestFit="1" customWidth="1"/>
    <col min="523" max="524" width="3.875" style="1" customWidth="1"/>
    <col min="525" max="525" width="7.125" style="1" customWidth="1"/>
    <col min="526" max="768" width="9" style="1"/>
    <col min="769" max="770" width="2.625" style="1" customWidth="1"/>
    <col min="771" max="771" width="8.625" style="1" bestFit="1" customWidth="1"/>
    <col min="772" max="773" width="10.125" style="1" bestFit="1" customWidth="1"/>
    <col min="774" max="774" width="9.125" style="1" customWidth="1"/>
    <col min="775" max="776" width="10.125" style="1" bestFit="1" customWidth="1"/>
    <col min="777" max="777" width="9.125" style="1" customWidth="1"/>
    <col min="778" max="778" width="7.125" style="1" bestFit="1" customWidth="1"/>
    <col min="779" max="780" width="3.875" style="1" customWidth="1"/>
    <col min="781" max="781" width="7.125" style="1" customWidth="1"/>
    <col min="782" max="1024" width="9" style="1"/>
    <col min="1025" max="1026" width="2.625" style="1" customWidth="1"/>
    <col min="1027" max="1027" width="8.625" style="1" bestFit="1" customWidth="1"/>
    <col min="1028" max="1029" width="10.125" style="1" bestFit="1" customWidth="1"/>
    <col min="1030" max="1030" width="9.125" style="1" customWidth="1"/>
    <col min="1031" max="1032" width="10.125" style="1" bestFit="1" customWidth="1"/>
    <col min="1033" max="1033" width="9.125" style="1" customWidth="1"/>
    <col min="1034" max="1034" width="7.125" style="1" bestFit="1" customWidth="1"/>
    <col min="1035" max="1036" width="3.875" style="1" customWidth="1"/>
    <col min="1037" max="1037" width="7.125" style="1" customWidth="1"/>
    <col min="1038" max="1280" width="9" style="1"/>
    <col min="1281" max="1282" width="2.625" style="1" customWidth="1"/>
    <col min="1283" max="1283" width="8.625" style="1" bestFit="1" customWidth="1"/>
    <col min="1284" max="1285" width="10.125" style="1" bestFit="1" customWidth="1"/>
    <col min="1286" max="1286" width="9.125" style="1" customWidth="1"/>
    <col min="1287" max="1288" width="10.125" style="1" bestFit="1" customWidth="1"/>
    <col min="1289" max="1289" width="9.125" style="1" customWidth="1"/>
    <col min="1290" max="1290" width="7.125" style="1" bestFit="1" customWidth="1"/>
    <col min="1291" max="1292" width="3.875" style="1" customWidth="1"/>
    <col min="1293" max="1293" width="7.125" style="1" customWidth="1"/>
    <col min="1294" max="1536" width="9" style="1"/>
    <col min="1537" max="1538" width="2.625" style="1" customWidth="1"/>
    <col min="1539" max="1539" width="8.625" style="1" bestFit="1" customWidth="1"/>
    <col min="1540" max="1541" width="10.125" style="1" bestFit="1" customWidth="1"/>
    <col min="1542" max="1542" width="9.125" style="1" customWidth="1"/>
    <col min="1543" max="1544" width="10.125" style="1" bestFit="1" customWidth="1"/>
    <col min="1545" max="1545" width="9.125" style="1" customWidth="1"/>
    <col min="1546" max="1546" width="7.125" style="1" bestFit="1" customWidth="1"/>
    <col min="1547" max="1548" width="3.875" style="1" customWidth="1"/>
    <col min="1549" max="1549" width="7.125" style="1" customWidth="1"/>
    <col min="1550" max="1792" width="9" style="1"/>
    <col min="1793" max="1794" width="2.625" style="1" customWidth="1"/>
    <col min="1795" max="1795" width="8.625" style="1" bestFit="1" customWidth="1"/>
    <col min="1796" max="1797" width="10.125" style="1" bestFit="1" customWidth="1"/>
    <col min="1798" max="1798" width="9.125" style="1" customWidth="1"/>
    <col min="1799" max="1800" width="10.125" style="1" bestFit="1" customWidth="1"/>
    <col min="1801" max="1801" width="9.125" style="1" customWidth="1"/>
    <col min="1802" max="1802" width="7.125" style="1" bestFit="1" customWidth="1"/>
    <col min="1803" max="1804" width="3.875" style="1" customWidth="1"/>
    <col min="1805" max="1805" width="7.125" style="1" customWidth="1"/>
    <col min="1806" max="2048" width="9" style="1"/>
    <col min="2049" max="2050" width="2.625" style="1" customWidth="1"/>
    <col min="2051" max="2051" width="8.625" style="1" bestFit="1" customWidth="1"/>
    <col min="2052" max="2053" width="10.125" style="1" bestFit="1" customWidth="1"/>
    <col min="2054" max="2054" width="9.125" style="1" customWidth="1"/>
    <col min="2055" max="2056" width="10.125" style="1" bestFit="1" customWidth="1"/>
    <col min="2057" max="2057" width="9.125" style="1" customWidth="1"/>
    <col min="2058" max="2058" width="7.125" style="1" bestFit="1" customWidth="1"/>
    <col min="2059" max="2060" width="3.875" style="1" customWidth="1"/>
    <col min="2061" max="2061" width="7.125" style="1" customWidth="1"/>
    <col min="2062" max="2304" width="9" style="1"/>
    <col min="2305" max="2306" width="2.625" style="1" customWidth="1"/>
    <col min="2307" max="2307" width="8.625" style="1" bestFit="1" customWidth="1"/>
    <col min="2308" max="2309" width="10.125" style="1" bestFit="1" customWidth="1"/>
    <col min="2310" max="2310" width="9.125" style="1" customWidth="1"/>
    <col min="2311" max="2312" width="10.125" style="1" bestFit="1" customWidth="1"/>
    <col min="2313" max="2313" width="9.125" style="1" customWidth="1"/>
    <col min="2314" max="2314" width="7.125" style="1" bestFit="1" customWidth="1"/>
    <col min="2315" max="2316" width="3.875" style="1" customWidth="1"/>
    <col min="2317" max="2317" width="7.125" style="1" customWidth="1"/>
    <col min="2318" max="2560" width="9" style="1"/>
    <col min="2561" max="2562" width="2.625" style="1" customWidth="1"/>
    <col min="2563" max="2563" width="8.625" style="1" bestFit="1" customWidth="1"/>
    <col min="2564" max="2565" width="10.125" style="1" bestFit="1" customWidth="1"/>
    <col min="2566" max="2566" width="9.125" style="1" customWidth="1"/>
    <col min="2567" max="2568" width="10.125" style="1" bestFit="1" customWidth="1"/>
    <col min="2569" max="2569" width="9.125" style="1" customWidth="1"/>
    <col min="2570" max="2570" width="7.125" style="1" bestFit="1" customWidth="1"/>
    <col min="2571" max="2572" width="3.875" style="1" customWidth="1"/>
    <col min="2573" max="2573" width="7.125" style="1" customWidth="1"/>
    <col min="2574" max="2816" width="9" style="1"/>
    <col min="2817" max="2818" width="2.625" style="1" customWidth="1"/>
    <col min="2819" max="2819" width="8.625" style="1" bestFit="1" customWidth="1"/>
    <col min="2820" max="2821" width="10.125" style="1" bestFit="1" customWidth="1"/>
    <col min="2822" max="2822" width="9.125" style="1" customWidth="1"/>
    <col min="2823" max="2824" width="10.125" style="1" bestFit="1" customWidth="1"/>
    <col min="2825" max="2825" width="9.125" style="1" customWidth="1"/>
    <col min="2826" max="2826" width="7.125" style="1" bestFit="1" customWidth="1"/>
    <col min="2827" max="2828" width="3.875" style="1" customWidth="1"/>
    <col min="2829" max="2829" width="7.125" style="1" customWidth="1"/>
    <col min="2830" max="3072" width="9" style="1"/>
    <col min="3073" max="3074" width="2.625" style="1" customWidth="1"/>
    <col min="3075" max="3075" width="8.625" style="1" bestFit="1" customWidth="1"/>
    <col min="3076" max="3077" width="10.125" style="1" bestFit="1" customWidth="1"/>
    <col min="3078" max="3078" width="9.125" style="1" customWidth="1"/>
    <col min="3079" max="3080" width="10.125" style="1" bestFit="1" customWidth="1"/>
    <col min="3081" max="3081" width="9.125" style="1" customWidth="1"/>
    <col min="3082" max="3082" width="7.125" style="1" bestFit="1" customWidth="1"/>
    <col min="3083" max="3084" width="3.875" style="1" customWidth="1"/>
    <col min="3085" max="3085" width="7.125" style="1" customWidth="1"/>
    <col min="3086" max="3328" width="9" style="1"/>
    <col min="3329" max="3330" width="2.625" style="1" customWidth="1"/>
    <col min="3331" max="3331" width="8.625" style="1" bestFit="1" customWidth="1"/>
    <col min="3332" max="3333" width="10.125" style="1" bestFit="1" customWidth="1"/>
    <col min="3334" max="3334" width="9.125" style="1" customWidth="1"/>
    <col min="3335" max="3336" width="10.125" style="1" bestFit="1" customWidth="1"/>
    <col min="3337" max="3337" width="9.125" style="1" customWidth="1"/>
    <col min="3338" max="3338" width="7.125" style="1" bestFit="1" customWidth="1"/>
    <col min="3339" max="3340" width="3.875" style="1" customWidth="1"/>
    <col min="3341" max="3341" width="7.125" style="1" customWidth="1"/>
    <col min="3342" max="3584" width="9" style="1"/>
    <col min="3585" max="3586" width="2.625" style="1" customWidth="1"/>
    <col min="3587" max="3587" width="8.625" style="1" bestFit="1" customWidth="1"/>
    <col min="3588" max="3589" width="10.125" style="1" bestFit="1" customWidth="1"/>
    <col min="3590" max="3590" width="9.125" style="1" customWidth="1"/>
    <col min="3591" max="3592" width="10.125" style="1" bestFit="1" customWidth="1"/>
    <col min="3593" max="3593" width="9.125" style="1" customWidth="1"/>
    <col min="3594" max="3594" width="7.125" style="1" bestFit="1" customWidth="1"/>
    <col min="3595" max="3596" width="3.875" style="1" customWidth="1"/>
    <col min="3597" max="3597" width="7.125" style="1" customWidth="1"/>
    <col min="3598" max="3840" width="9" style="1"/>
    <col min="3841" max="3842" width="2.625" style="1" customWidth="1"/>
    <col min="3843" max="3843" width="8.625" style="1" bestFit="1" customWidth="1"/>
    <col min="3844" max="3845" width="10.125" style="1" bestFit="1" customWidth="1"/>
    <col min="3846" max="3846" width="9.125" style="1" customWidth="1"/>
    <col min="3847" max="3848" width="10.125" style="1" bestFit="1" customWidth="1"/>
    <col min="3849" max="3849" width="9.125" style="1" customWidth="1"/>
    <col min="3850" max="3850" width="7.125" style="1" bestFit="1" customWidth="1"/>
    <col min="3851" max="3852" width="3.875" style="1" customWidth="1"/>
    <col min="3853" max="3853" width="7.125" style="1" customWidth="1"/>
    <col min="3854" max="4096" width="9" style="1"/>
    <col min="4097" max="4098" width="2.625" style="1" customWidth="1"/>
    <col min="4099" max="4099" width="8.625" style="1" bestFit="1" customWidth="1"/>
    <col min="4100" max="4101" width="10.125" style="1" bestFit="1" customWidth="1"/>
    <col min="4102" max="4102" width="9.125" style="1" customWidth="1"/>
    <col min="4103" max="4104" width="10.125" style="1" bestFit="1" customWidth="1"/>
    <col min="4105" max="4105" width="9.125" style="1" customWidth="1"/>
    <col min="4106" max="4106" width="7.125" style="1" bestFit="1" customWidth="1"/>
    <col min="4107" max="4108" width="3.875" style="1" customWidth="1"/>
    <col min="4109" max="4109" width="7.125" style="1" customWidth="1"/>
    <col min="4110" max="4352" width="9" style="1"/>
    <col min="4353" max="4354" width="2.625" style="1" customWidth="1"/>
    <col min="4355" max="4355" width="8.625" style="1" bestFit="1" customWidth="1"/>
    <col min="4356" max="4357" width="10.125" style="1" bestFit="1" customWidth="1"/>
    <col min="4358" max="4358" width="9.125" style="1" customWidth="1"/>
    <col min="4359" max="4360" width="10.125" style="1" bestFit="1" customWidth="1"/>
    <col min="4361" max="4361" width="9.125" style="1" customWidth="1"/>
    <col min="4362" max="4362" width="7.125" style="1" bestFit="1" customWidth="1"/>
    <col min="4363" max="4364" width="3.875" style="1" customWidth="1"/>
    <col min="4365" max="4365" width="7.125" style="1" customWidth="1"/>
    <col min="4366" max="4608" width="9" style="1"/>
    <col min="4609" max="4610" width="2.625" style="1" customWidth="1"/>
    <col min="4611" max="4611" width="8.625" style="1" bestFit="1" customWidth="1"/>
    <col min="4612" max="4613" width="10.125" style="1" bestFit="1" customWidth="1"/>
    <col min="4614" max="4614" width="9.125" style="1" customWidth="1"/>
    <col min="4615" max="4616" width="10.125" style="1" bestFit="1" customWidth="1"/>
    <col min="4617" max="4617" width="9.125" style="1" customWidth="1"/>
    <col min="4618" max="4618" width="7.125" style="1" bestFit="1" customWidth="1"/>
    <col min="4619" max="4620" width="3.875" style="1" customWidth="1"/>
    <col min="4621" max="4621" width="7.125" style="1" customWidth="1"/>
    <col min="4622" max="4864" width="9" style="1"/>
    <col min="4865" max="4866" width="2.625" style="1" customWidth="1"/>
    <col min="4867" max="4867" width="8.625" style="1" bestFit="1" customWidth="1"/>
    <col min="4868" max="4869" width="10.125" style="1" bestFit="1" customWidth="1"/>
    <col min="4870" max="4870" width="9.125" style="1" customWidth="1"/>
    <col min="4871" max="4872" width="10.125" style="1" bestFit="1" customWidth="1"/>
    <col min="4873" max="4873" width="9.125" style="1" customWidth="1"/>
    <col min="4874" max="4874" width="7.125" style="1" bestFit="1" customWidth="1"/>
    <col min="4875" max="4876" width="3.875" style="1" customWidth="1"/>
    <col min="4877" max="4877" width="7.125" style="1" customWidth="1"/>
    <col min="4878" max="5120" width="9" style="1"/>
    <col min="5121" max="5122" width="2.625" style="1" customWidth="1"/>
    <col min="5123" max="5123" width="8.625" style="1" bestFit="1" customWidth="1"/>
    <col min="5124" max="5125" width="10.125" style="1" bestFit="1" customWidth="1"/>
    <col min="5126" max="5126" width="9.125" style="1" customWidth="1"/>
    <col min="5127" max="5128" width="10.125" style="1" bestFit="1" customWidth="1"/>
    <col min="5129" max="5129" width="9.125" style="1" customWidth="1"/>
    <col min="5130" max="5130" width="7.125" style="1" bestFit="1" customWidth="1"/>
    <col min="5131" max="5132" width="3.875" style="1" customWidth="1"/>
    <col min="5133" max="5133" width="7.125" style="1" customWidth="1"/>
    <col min="5134" max="5376" width="9" style="1"/>
    <col min="5377" max="5378" width="2.625" style="1" customWidth="1"/>
    <col min="5379" max="5379" width="8.625" style="1" bestFit="1" customWidth="1"/>
    <col min="5380" max="5381" width="10.125" style="1" bestFit="1" customWidth="1"/>
    <col min="5382" max="5382" width="9.125" style="1" customWidth="1"/>
    <col min="5383" max="5384" width="10.125" style="1" bestFit="1" customWidth="1"/>
    <col min="5385" max="5385" width="9.125" style="1" customWidth="1"/>
    <col min="5386" max="5386" width="7.125" style="1" bestFit="1" customWidth="1"/>
    <col min="5387" max="5388" width="3.875" style="1" customWidth="1"/>
    <col min="5389" max="5389" width="7.125" style="1" customWidth="1"/>
    <col min="5390" max="5632" width="9" style="1"/>
    <col min="5633" max="5634" width="2.625" style="1" customWidth="1"/>
    <col min="5635" max="5635" width="8.625" style="1" bestFit="1" customWidth="1"/>
    <col min="5636" max="5637" width="10.125" style="1" bestFit="1" customWidth="1"/>
    <col min="5638" max="5638" width="9.125" style="1" customWidth="1"/>
    <col min="5639" max="5640" width="10.125" style="1" bestFit="1" customWidth="1"/>
    <col min="5641" max="5641" width="9.125" style="1" customWidth="1"/>
    <col min="5642" max="5642" width="7.125" style="1" bestFit="1" customWidth="1"/>
    <col min="5643" max="5644" width="3.875" style="1" customWidth="1"/>
    <col min="5645" max="5645" width="7.125" style="1" customWidth="1"/>
    <col min="5646" max="5888" width="9" style="1"/>
    <col min="5889" max="5890" width="2.625" style="1" customWidth="1"/>
    <col min="5891" max="5891" width="8.625" style="1" bestFit="1" customWidth="1"/>
    <col min="5892" max="5893" width="10.125" style="1" bestFit="1" customWidth="1"/>
    <col min="5894" max="5894" width="9.125" style="1" customWidth="1"/>
    <col min="5895" max="5896" width="10.125" style="1" bestFit="1" customWidth="1"/>
    <col min="5897" max="5897" width="9.125" style="1" customWidth="1"/>
    <col min="5898" max="5898" width="7.125" style="1" bestFit="1" customWidth="1"/>
    <col min="5899" max="5900" width="3.875" style="1" customWidth="1"/>
    <col min="5901" max="5901" width="7.125" style="1" customWidth="1"/>
    <col min="5902" max="6144" width="9" style="1"/>
    <col min="6145" max="6146" width="2.625" style="1" customWidth="1"/>
    <col min="6147" max="6147" width="8.625" style="1" bestFit="1" customWidth="1"/>
    <col min="6148" max="6149" width="10.125" style="1" bestFit="1" customWidth="1"/>
    <col min="6150" max="6150" width="9.125" style="1" customWidth="1"/>
    <col min="6151" max="6152" width="10.125" style="1" bestFit="1" customWidth="1"/>
    <col min="6153" max="6153" width="9.125" style="1" customWidth="1"/>
    <col min="6154" max="6154" width="7.125" style="1" bestFit="1" customWidth="1"/>
    <col min="6155" max="6156" width="3.875" style="1" customWidth="1"/>
    <col min="6157" max="6157" width="7.125" style="1" customWidth="1"/>
    <col min="6158" max="6400" width="9" style="1"/>
    <col min="6401" max="6402" width="2.625" style="1" customWidth="1"/>
    <col min="6403" max="6403" width="8.625" style="1" bestFit="1" customWidth="1"/>
    <col min="6404" max="6405" width="10.125" style="1" bestFit="1" customWidth="1"/>
    <col min="6406" max="6406" width="9.125" style="1" customWidth="1"/>
    <col min="6407" max="6408" width="10.125" style="1" bestFit="1" customWidth="1"/>
    <col min="6409" max="6409" width="9.125" style="1" customWidth="1"/>
    <col min="6410" max="6410" width="7.125" style="1" bestFit="1" customWidth="1"/>
    <col min="6411" max="6412" width="3.875" style="1" customWidth="1"/>
    <col min="6413" max="6413" width="7.125" style="1" customWidth="1"/>
    <col min="6414" max="6656" width="9" style="1"/>
    <col min="6657" max="6658" width="2.625" style="1" customWidth="1"/>
    <col min="6659" max="6659" width="8.625" style="1" bestFit="1" customWidth="1"/>
    <col min="6660" max="6661" width="10.125" style="1" bestFit="1" customWidth="1"/>
    <col min="6662" max="6662" width="9.125" style="1" customWidth="1"/>
    <col min="6663" max="6664" width="10.125" style="1" bestFit="1" customWidth="1"/>
    <col min="6665" max="6665" width="9.125" style="1" customWidth="1"/>
    <col min="6666" max="6666" width="7.125" style="1" bestFit="1" customWidth="1"/>
    <col min="6667" max="6668" width="3.875" style="1" customWidth="1"/>
    <col min="6669" max="6669" width="7.125" style="1" customWidth="1"/>
    <col min="6670" max="6912" width="9" style="1"/>
    <col min="6913" max="6914" width="2.625" style="1" customWidth="1"/>
    <col min="6915" max="6915" width="8.625" style="1" bestFit="1" customWidth="1"/>
    <col min="6916" max="6917" width="10.125" style="1" bestFit="1" customWidth="1"/>
    <col min="6918" max="6918" width="9.125" style="1" customWidth="1"/>
    <col min="6919" max="6920" width="10.125" style="1" bestFit="1" customWidth="1"/>
    <col min="6921" max="6921" width="9.125" style="1" customWidth="1"/>
    <col min="6922" max="6922" width="7.125" style="1" bestFit="1" customWidth="1"/>
    <col min="6923" max="6924" width="3.875" style="1" customWidth="1"/>
    <col min="6925" max="6925" width="7.125" style="1" customWidth="1"/>
    <col min="6926" max="7168" width="9" style="1"/>
    <col min="7169" max="7170" width="2.625" style="1" customWidth="1"/>
    <col min="7171" max="7171" width="8.625" style="1" bestFit="1" customWidth="1"/>
    <col min="7172" max="7173" width="10.125" style="1" bestFit="1" customWidth="1"/>
    <col min="7174" max="7174" width="9.125" style="1" customWidth="1"/>
    <col min="7175" max="7176" width="10.125" style="1" bestFit="1" customWidth="1"/>
    <col min="7177" max="7177" width="9.125" style="1" customWidth="1"/>
    <col min="7178" max="7178" width="7.125" style="1" bestFit="1" customWidth="1"/>
    <col min="7179" max="7180" width="3.875" style="1" customWidth="1"/>
    <col min="7181" max="7181" width="7.125" style="1" customWidth="1"/>
    <col min="7182" max="7424" width="9" style="1"/>
    <col min="7425" max="7426" width="2.625" style="1" customWidth="1"/>
    <col min="7427" max="7427" width="8.625" style="1" bestFit="1" customWidth="1"/>
    <col min="7428" max="7429" width="10.125" style="1" bestFit="1" customWidth="1"/>
    <col min="7430" max="7430" width="9.125" style="1" customWidth="1"/>
    <col min="7431" max="7432" width="10.125" style="1" bestFit="1" customWidth="1"/>
    <col min="7433" max="7433" width="9.125" style="1" customWidth="1"/>
    <col min="7434" max="7434" width="7.125" style="1" bestFit="1" customWidth="1"/>
    <col min="7435" max="7436" width="3.875" style="1" customWidth="1"/>
    <col min="7437" max="7437" width="7.125" style="1" customWidth="1"/>
    <col min="7438" max="7680" width="9" style="1"/>
    <col min="7681" max="7682" width="2.625" style="1" customWidth="1"/>
    <col min="7683" max="7683" width="8.625" style="1" bestFit="1" customWidth="1"/>
    <col min="7684" max="7685" width="10.125" style="1" bestFit="1" customWidth="1"/>
    <col min="7686" max="7686" width="9.125" style="1" customWidth="1"/>
    <col min="7687" max="7688" width="10.125" style="1" bestFit="1" customWidth="1"/>
    <col min="7689" max="7689" width="9.125" style="1" customWidth="1"/>
    <col min="7690" max="7690" width="7.125" style="1" bestFit="1" customWidth="1"/>
    <col min="7691" max="7692" width="3.875" style="1" customWidth="1"/>
    <col min="7693" max="7693" width="7.125" style="1" customWidth="1"/>
    <col min="7694" max="7936" width="9" style="1"/>
    <col min="7937" max="7938" width="2.625" style="1" customWidth="1"/>
    <col min="7939" max="7939" width="8.625" style="1" bestFit="1" customWidth="1"/>
    <col min="7940" max="7941" width="10.125" style="1" bestFit="1" customWidth="1"/>
    <col min="7942" max="7942" width="9.125" style="1" customWidth="1"/>
    <col min="7943" max="7944" width="10.125" style="1" bestFit="1" customWidth="1"/>
    <col min="7945" max="7945" width="9.125" style="1" customWidth="1"/>
    <col min="7946" max="7946" width="7.125" style="1" bestFit="1" customWidth="1"/>
    <col min="7947" max="7948" width="3.875" style="1" customWidth="1"/>
    <col min="7949" max="7949" width="7.125" style="1" customWidth="1"/>
    <col min="7950" max="8192" width="9" style="1"/>
    <col min="8193" max="8194" width="2.625" style="1" customWidth="1"/>
    <col min="8195" max="8195" width="8.625" style="1" bestFit="1" customWidth="1"/>
    <col min="8196" max="8197" width="10.125" style="1" bestFit="1" customWidth="1"/>
    <col min="8198" max="8198" width="9.125" style="1" customWidth="1"/>
    <col min="8199" max="8200" width="10.125" style="1" bestFit="1" customWidth="1"/>
    <col min="8201" max="8201" width="9.125" style="1" customWidth="1"/>
    <col min="8202" max="8202" width="7.125" style="1" bestFit="1" customWidth="1"/>
    <col min="8203" max="8204" width="3.875" style="1" customWidth="1"/>
    <col min="8205" max="8205" width="7.125" style="1" customWidth="1"/>
    <col min="8206" max="8448" width="9" style="1"/>
    <col min="8449" max="8450" width="2.625" style="1" customWidth="1"/>
    <col min="8451" max="8451" width="8.625" style="1" bestFit="1" customWidth="1"/>
    <col min="8452" max="8453" width="10.125" style="1" bestFit="1" customWidth="1"/>
    <col min="8454" max="8454" width="9.125" style="1" customWidth="1"/>
    <col min="8455" max="8456" width="10.125" style="1" bestFit="1" customWidth="1"/>
    <col min="8457" max="8457" width="9.125" style="1" customWidth="1"/>
    <col min="8458" max="8458" width="7.125" style="1" bestFit="1" customWidth="1"/>
    <col min="8459" max="8460" width="3.875" style="1" customWidth="1"/>
    <col min="8461" max="8461" width="7.125" style="1" customWidth="1"/>
    <col min="8462" max="8704" width="9" style="1"/>
    <col min="8705" max="8706" width="2.625" style="1" customWidth="1"/>
    <col min="8707" max="8707" width="8.625" style="1" bestFit="1" customWidth="1"/>
    <col min="8708" max="8709" width="10.125" style="1" bestFit="1" customWidth="1"/>
    <col min="8710" max="8710" width="9.125" style="1" customWidth="1"/>
    <col min="8711" max="8712" width="10.125" style="1" bestFit="1" customWidth="1"/>
    <col min="8713" max="8713" width="9.125" style="1" customWidth="1"/>
    <col min="8714" max="8714" width="7.125" style="1" bestFit="1" customWidth="1"/>
    <col min="8715" max="8716" width="3.875" style="1" customWidth="1"/>
    <col min="8717" max="8717" width="7.125" style="1" customWidth="1"/>
    <col min="8718" max="8960" width="9" style="1"/>
    <col min="8961" max="8962" width="2.625" style="1" customWidth="1"/>
    <col min="8963" max="8963" width="8.625" style="1" bestFit="1" customWidth="1"/>
    <col min="8964" max="8965" width="10.125" style="1" bestFit="1" customWidth="1"/>
    <col min="8966" max="8966" width="9.125" style="1" customWidth="1"/>
    <col min="8967" max="8968" width="10.125" style="1" bestFit="1" customWidth="1"/>
    <col min="8969" max="8969" width="9.125" style="1" customWidth="1"/>
    <col min="8970" max="8970" width="7.125" style="1" bestFit="1" customWidth="1"/>
    <col min="8971" max="8972" width="3.875" style="1" customWidth="1"/>
    <col min="8973" max="8973" width="7.125" style="1" customWidth="1"/>
    <col min="8974" max="9216" width="9" style="1"/>
    <col min="9217" max="9218" width="2.625" style="1" customWidth="1"/>
    <col min="9219" max="9219" width="8.625" style="1" bestFit="1" customWidth="1"/>
    <col min="9220" max="9221" width="10.125" style="1" bestFit="1" customWidth="1"/>
    <col min="9222" max="9222" width="9.125" style="1" customWidth="1"/>
    <col min="9223" max="9224" width="10.125" style="1" bestFit="1" customWidth="1"/>
    <col min="9225" max="9225" width="9.125" style="1" customWidth="1"/>
    <col min="9226" max="9226" width="7.125" style="1" bestFit="1" customWidth="1"/>
    <col min="9227" max="9228" width="3.875" style="1" customWidth="1"/>
    <col min="9229" max="9229" width="7.125" style="1" customWidth="1"/>
    <col min="9230" max="9472" width="9" style="1"/>
    <col min="9473" max="9474" width="2.625" style="1" customWidth="1"/>
    <col min="9475" max="9475" width="8.625" style="1" bestFit="1" customWidth="1"/>
    <col min="9476" max="9477" width="10.125" style="1" bestFit="1" customWidth="1"/>
    <col min="9478" max="9478" width="9.125" style="1" customWidth="1"/>
    <col min="9479" max="9480" width="10.125" style="1" bestFit="1" customWidth="1"/>
    <col min="9481" max="9481" width="9.125" style="1" customWidth="1"/>
    <col min="9482" max="9482" width="7.125" style="1" bestFit="1" customWidth="1"/>
    <col min="9483" max="9484" width="3.875" style="1" customWidth="1"/>
    <col min="9485" max="9485" width="7.125" style="1" customWidth="1"/>
    <col min="9486" max="9728" width="9" style="1"/>
    <col min="9729" max="9730" width="2.625" style="1" customWidth="1"/>
    <col min="9731" max="9731" width="8.625" style="1" bestFit="1" customWidth="1"/>
    <col min="9732" max="9733" width="10.125" style="1" bestFit="1" customWidth="1"/>
    <col min="9734" max="9734" width="9.125" style="1" customWidth="1"/>
    <col min="9735" max="9736" width="10.125" style="1" bestFit="1" customWidth="1"/>
    <col min="9737" max="9737" width="9.125" style="1" customWidth="1"/>
    <col min="9738" max="9738" width="7.125" style="1" bestFit="1" customWidth="1"/>
    <col min="9739" max="9740" width="3.875" style="1" customWidth="1"/>
    <col min="9741" max="9741" width="7.125" style="1" customWidth="1"/>
    <col min="9742" max="9984" width="9" style="1"/>
    <col min="9985" max="9986" width="2.625" style="1" customWidth="1"/>
    <col min="9987" max="9987" width="8.625" style="1" bestFit="1" customWidth="1"/>
    <col min="9988" max="9989" width="10.125" style="1" bestFit="1" customWidth="1"/>
    <col min="9990" max="9990" width="9.125" style="1" customWidth="1"/>
    <col min="9991" max="9992" width="10.125" style="1" bestFit="1" customWidth="1"/>
    <col min="9993" max="9993" width="9.125" style="1" customWidth="1"/>
    <col min="9994" max="9994" width="7.125" style="1" bestFit="1" customWidth="1"/>
    <col min="9995" max="9996" width="3.875" style="1" customWidth="1"/>
    <col min="9997" max="9997" width="7.125" style="1" customWidth="1"/>
    <col min="9998" max="10240" width="9" style="1"/>
    <col min="10241" max="10242" width="2.625" style="1" customWidth="1"/>
    <col min="10243" max="10243" width="8.625" style="1" bestFit="1" customWidth="1"/>
    <col min="10244" max="10245" width="10.125" style="1" bestFit="1" customWidth="1"/>
    <col min="10246" max="10246" width="9.125" style="1" customWidth="1"/>
    <col min="10247" max="10248" width="10.125" style="1" bestFit="1" customWidth="1"/>
    <col min="10249" max="10249" width="9.125" style="1" customWidth="1"/>
    <col min="10250" max="10250" width="7.125" style="1" bestFit="1" customWidth="1"/>
    <col min="10251" max="10252" width="3.875" style="1" customWidth="1"/>
    <col min="10253" max="10253" width="7.125" style="1" customWidth="1"/>
    <col min="10254" max="10496" width="9" style="1"/>
    <col min="10497" max="10498" width="2.625" style="1" customWidth="1"/>
    <col min="10499" max="10499" width="8.625" style="1" bestFit="1" customWidth="1"/>
    <col min="10500" max="10501" width="10.125" style="1" bestFit="1" customWidth="1"/>
    <col min="10502" max="10502" width="9.125" style="1" customWidth="1"/>
    <col min="10503" max="10504" width="10.125" style="1" bestFit="1" customWidth="1"/>
    <col min="10505" max="10505" width="9.125" style="1" customWidth="1"/>
    <col min="10506" max="10506" width="7.125" style="1" bestFit="1" customWidth="1"/>
    <col min="10507" max="10508" width="3.875" style="1" customWidth="1"/>
    <col min="10509" max="10509" width="7.125" style="1" customWidth="1"/>
    <col min="10510" max="10752" width="9" style="1"/>
    <col min="10753" max="10754" width="2.625" style="1" customWidth="1"/>
    <col min="10755" max="10755" width="8.625" style="1" bestFit="1" customWidth="1"/>
    <col min="10756" max="10757" width="10.125" style="1" bestFit="1" customWidth="1"/>
    <col min="10758" max="10758" width="9.125" style="1" customWidth="1"/>
    <col min="10759" max="10760" width="10.125" style="1" bestFit="1" customWidth="1"/>
    <col min="10761" max="10761" width="9.125" style="1" customWidth="1"/>
    <col min="10762" max="10762" width="7.125" style="1" bestFit="1" customWidth="1"/>
    <col min="10763" max="10764" width="3.875" style="1" customWidth="1"/>
    <col min="10765" max="10765" width="7.125" style="1" customWidth="1"/>
    <col min="10766" max="11008" width="9" style="1"/>
    <col min="11009" max="11010" width="2.625" style="1" customWidth="1"/>
    <col min="11011" max="11011" width="8.625" style="1" bestFit="1" customWidth="1"/>
    <col min="11012" max="11013" width="10.125" style="1" bestFit="1" customWidth="1"/>
    <col min="11014" max="11014" width="9.125" style="1" customWidth="1"/>
    <col min="11015" max="11016" width="10.125" style="1" bestFit="1" customWidth="1"/>
    <col min="11017" max="11017" width="9.125" style="1" customWidth="1"/>
    <col min="11018" max="11018" width="7.125" style="1" bestFit="1" customWidth="1"/>
    <col min="11019" max="11020" width="3.875" style="1" customWidth="1"/>
    <col min="11021" max="11021" width="7.125" style="1" customWidth="1"/>
    <col min="11022" max="11264" width="9" style="1"/>
    <col min="11265" max="11266" width="2.625" style="1" customWidth="1"/>
    <col min="11267" max="11267" width="8.625" style="1" bestFit="1" customWidth="1"/>
    <col min="11268" max="11269" width="10.125" style="1" bestFit="1" customWidth="1"/>
    <col min="11270" max="11270" width="9.125" style="1" customWidth="1"/>
    <col min="11271" max="11272" width="10.125" style="1" bestFit="1" customWidth="1"/>
    <col min="11273" max="11273" width="9.125" style="1" customWidth="1"/>
    <col min="11274" max="11274" width="7.125" style="1" bestFit="1" customWidth="1"/>
    <col min="11275" max="11276" width="3.875" style="1" customWidth="1"/>
    <col min="11277" max="11277" width="7.125" style="1" customWidth="1"/>
    <col min="11278" max="11520" width="9" style="1"/>
    <col min="11521" max="11522" width="2.625" style="1" customWidth="1"/>
    <col min="11523" max="11523" width="8.625" style="1" bestFit="1" customWidth="1"/>
    <col min="11524" max="11525" width="10.125" style="1" bestFit="1" customWidth="1"/>
    <col min="11526" max="11526" width="9.125" style="1" customWidth="1"/>
    <col min="11527" max="11528" width="10.125" style="1" bestFit="1" customWidth="1"/>
    <col min="11529" max="11529" width="9.125" style="1" customWidth="1"/>
    <col min="11530" max="11530" width="7.125" style="1" bestFit="1" customWidth="1"/>
    <col min="11531" max="11532" width="3.875" style="1" customWidth="1"/>
    <col min="11533" max="11533" width="7.125" style="1" customWidth="1"/>
    <col min="11534" max="11776" width="9" style="1"/>
    <col min="11777" max="11778" width="2.625" style="1" customWidth="1"/>
    <col min="11779" max="11779" width="8.625" style="1" bestFit="1" customWidth="1"/>
    <col min="11780" max="11781" width="10.125" style="1" bestFit="1" customWidth="1"/>
    <col min="11782" max="11782" width="9.125" style="1" customWidth="1"/>
    <col min="11783" max="11784" width="10.125" style="1" bestFit="1" customWidth="1"/>
    <col min="11785" max="11785" width="9.125" style="1" customWidth="1"/>
    <col min="11786" max="11786" width="7.125" style="1" bestFit="1" customWidth="1"/>
    <col min="11787" max="11788" width="3.875" style="1" customWidth="1"/>
    <col min="11789" max="11789" width="7.125" style="1" customWidth="1"/>
    <col min="11790" max="12032" width="9" style="1"/>
    <col min="12033" max="12034" width="2.625" style="1" customWidth="1"/>
    <col min="12035" max="12035" width="8.625" style="1" bestFit="1" customWidth="1"/>
    <col min="12036" max="12037" width="10.125" style="1" bestFit="1" customWidth="1"/>
    <col min="12038" max="12038" width="9.125" style="1" customWidth="1"/>
    <col min="12039" max="12040" width="10.125" style="1" bestFit="1" customWidth="1"/>
    <col min="12041" max="12041" width="9.125" style="1" customWidth="1"/>
    <col min="12042" max="12042" width="7.125" style="1" bestFit="1" customWidth="1"/>
    <col min="12043" max="12044" width="3.875" style="1" customWidth="1"/>
    <col min="12045" max="12045" width="7.125" style="1" customWidth="1"/>
    <col min="12046" max="12288" width="9" style="1"/>
    <col min="12289" max="12290" width="2.625" style="1" customWidth="1"/>
    <col min="12291" max="12291" width="8.625" style="1" bestFit="1" customWidth="1"/>
    <col min="12292" max="12293" width="10.125" style="1" bestFit="1" customWidth="1"/>
    <col min="12294" max="12294" width="9.125" style="1" customWidth="1"/>
    <col min="12295" max="12296" width="10.125" style="1" bestFit="1" customWidth="1"/>
    <col min="12297" max="12297" width="9.125" style="1" customWidth="1"/>
    <col min="12298" max="12298" width="7.125" style="1" bestFit="1" customWidth="1"/>
    <col min="12299" max="12300" width="3.875" style="1" customWidth="1"/>
    <col min="12301" max="12301" width="7.125" style="1" customWidth="1"/>
    <col min="12302" max="12544" width="9" style="1"/>
    <col min="12545" max="12546" width="2.625" style="1" customWidth="1"/>
    <col min="12547" max="12547" width="8.625" style="1" bestFit="1" customWidth="1"/>
    <col min="12548" max="12549" width="10.125" style="1" bestFit="1" customWidth="1"/>
    <col min="12550" max="12550" width="9.125" style="1" customWidth="1"/>
    <col min="12551" max="12552" width="10.125" style="1" bestFit="1" customWidth="1"/>
    <col min="12553" max="12553" width="9.125" style="1" customWidth="1"/>
    <col min="12554" max="12554" width="7.125" style="1" bestFit="1" customWidth="1"/>
    <col min="12555" max="12556" width="3.875" style="1" customWidth="1"/>
    <col min="12557" max="12557" width="7.125" style="1" customWidth="1"/>
    <col min="12558" max="12800" width="9" style="1"/>
    <col min="12801" max="12802" width="2.625" style="1" customWidth="1"/>
    <col min="12803" max="12803" width="8.625" style="1" bestFit="1" customWidth="1"/>
    <col min="12804" max="12805" width="10.125" style="1" bestFit="1" customWidth="1"/>
    <col min="12806" max="12806" width="9.125" style="1" customWidth="1"/>
    <col min="12807" max="12808" width="10.125" style="1" bestFit="1" customWidth="1"/>
    <col min="12809" max="12809" width="9.125" style="1" customWidth="1"/>
    <col min="12810" max="12810" width="7.125" style="1" bestFit="1" customWidth="1"/>
    <col min="12811" max="12812" width="3.875" style="1" customWidth="1"/>
    <col min="12813" max="12813" width="7.125" style="1" customWidth="1"/>
    <col min="12814" max="13056" width="9" style="1"/>
    <col min="13057" max="13058" width="2.625" style="1" customWidth="1"/>
    <col min="13059" max="13059" width="8.625" style="1" bestFit="1" customWidth="1"/>
    <col min="13060" max="13061" width="10.125" style="1" bestFit="1" customWidth="1"/>
    <col min="13062" max="13062" width="9.125" style="1" customWidth="1"/>
    <col min="13063" max="13064" width="10.125" style="1" bestFit="1" customWidth="1"/>
    <col min="13065" max="13065" width="9.125" style="1" customWidth="1"/>
    <col min="13066" max="13066" width="7.125" style="1" bestFit="1" customWidth="1"/>
    <col min="13067" max="13068" width="3.875" style="1" customWidth="1"/>
    <col min="13069" max="13069" width="7.125" style="1" customWidth="1"/>
    <col min="13070" max="13312" width="9" style="1"/>
    <col min="13313" max="13314" width="2.625" style="1" customWidth="1"/>
    <col min="13315" max="13315" width="8.625" style="1" bestFit="1" customWidth="1"/>
    <col min="13316" max="13317" width="10.125" style="1" bestFit="1" customWidth="1"/>
    <col min="13318" max="13318" width="9.125" style="1" customWidth="1"/>
    <col min="13319" max="13320" width="10.125" style="1" bestFit="1" customWidth="1"/>
    <col min="13321" max="13321" width="9.125" style="1" customWidth="1"/>
    <col min="13322" max="13322" width="7.125" style="1" bestFit="1" customWidth="1"/>
    <col min="13323" max="13324" width="3.875" style="1" customWidth="1"/>
    <col min="13325" max="13325" width="7.125" style="1" customWidth="1"/>
    <col min="13326" max="13568" width="9" style="1"/>
    <col min="13569" max="13570" width="2.625" style="1" customWidth="1"/>
    <col min="13571" max="13571" width="8.625" style="1" bestFit="1" customWidth="1"/>
    <col min="13572" max="13573" width="10.125" style="1" bestFit="1" customWidth="1"/>
    <col min="13574" max="13574" width="9.125" style="1" customWidth="1"/>
    <col min="13575" max="13576" width="10.125" style="1" bestFit="1" customWidth="1"/>
    <col min="13577" max="13577" width="9.125" style="1" customWidth="1"/>
    <col min="13578" max="13578" width="7.125" style="1" bestFit="1" customWidth="1"/>
    <col min="13579" max="13580" width="3.875" style="1" customWidth="1"/>
    <col min="13581" max="13581" width="7.125" style="1" customWidth="1"/>
    <col min="13582" max="13824" width="9" style="1"/>
    <col min="13825" max="13826" width="2.625" style="1" customWidth="1"/>
    <col min="13827" max="13827" width="8.625" style="1" bestFit="1" customWidth="1"/>
    <col min="13828" max="13829" width="10.125" style="1" bestFit="1" customWidth="1"/>
    <col min="13830" max="13830" width="9.125" style="1" customWidth="1"/>
    <col min="13831" max="13832" width="10.125" style="1" bestFit="1" customWidth="1"/>
    <col min="13833" max="13833" width="9.125" style="1" customWidth="1"/>
    <col min="13834" max="13834" width="7.125" style="1" bestFit="1" customWidth="1"/>
    <col min="13835" max="13836" width="3.875" style="1" customWidth="1"/>
    <col min="13837" max="13837" width="7.125" style="1" customWidth="1"/>
    <col min="13838" max="14080" width="9" style="1"/>
    <col min="14081" max="14082" width="2.625" style="1" customWidth="1"/>
    <col min="14083" max="14083" width="8.625" style="1" bestFit="1" customWidth="1"/>
    <col min="14084" max="14085" width="10.125" style="1" bestFit="1" customWidth="1"/>
    <col min="14086" max="14086" width="9.125" style="1" customWidth="1"/>
    <col min="14087" max="14088" width="10.125" style="1" bestFit="1" customWidth="1"/>
    <col min="14089" max="14089" width="9.125" style="1" customWidth="1"/>
    <col min="14090" max="14090" width="7.125" style="1" bestFit="1" customWidth="1"/>
    <col min="14091" max="14092" width="3.875" style="1" customWidth="1"/>
    <col min="14093" max="14093" width="7.125" style="1" customWidth="1"/>
    <col min="14094" max="14336" width="9" style="1"/>
    <col min="14337" max="14338" width="2.625" style="1" customWidth="1"/>
    <col min="14339" max="14339" width="8.625" style="1" bestFit="1" customWidth="1"/>
    <col min="14340" max="14341" width="10.125" style="1" bestFit="1" customWidth="1"/>
    <col min="14342" max="14342" width="9.125" style="1" customWidth="1"/>
    <col min="14343" max="14344" width="10.125" style="1" bestFit="1" customWidth="1"/>
    <col min="14345" max="14345" width="9.125" style="1" customWidth="1"/>
    <col min="14346" max="14346" width="7.125" style="1" bestFit="1" customWidth="1"/>
    <col min="14347" max="14348" width="3.875" style="1" customWidth="1"/>
    <col min="14349" max="14349" width="7.125" style="1" customWidth="1"/>
    <col min="14350" max="14592" width="9" style="1"/>
    <col min="14593" max="14594" width="2.625" style="1" customWidth="1"/>
    <col min="14595" max="14595" width="8.625" style="1" bestFit="1" customWidth="1"/>
    <col min="14596" max="14597" width="10.125" style="1" bestFit="1" customWidth="1"/>
    <col min="14598" max="14598" width="9.125" style="1" customWidth="1"/>
    <col min="14599" max="14600" width="10.125" style="1" bestFit="1" customWidth="1"/>
    <col min="14601" max="14601" width="9.125" style="1" customWidth="1"/>
    <col min="14602" max="14602" width="7.125" style="1" bestFit="1" customWidth="1"/>
    <col min="14603" max="14604" width="3.875" style="1" customWidth="1"/>
    <col min="14605" max="14605" width="7.125" style="1" customWidth="1"/>
    <col min="14606" max="14848" width="9" style="1"/>
    <col min="14849" max="14850" width="2.625" style="1" customWidth="1"/>
    <col min="14851" max="14851" width="8.625" style="1" bestFit="1" customWidth="1"/>
    <col min="14852" max="14853" width="10.125" style="1" bestFit="1" customWidth="1"/>
    <col min="14854" max="14854" width="9.125" style="1" customWidth="1"/>
    <col min="14855" max="14856" width="10.125" style="1" bestFit="1" customWidth="1"/>
    <col min="14857" max="14857" width="9.125" style="1" customWidth="1"/>
    <col min="14858" max="14858" width="7.125" style="1" bestFit="1" customWidth="1"/>
    <col min="14859" max="14860" width="3.875" style="1" customWidth="1"/>
    <col min="14861" max="14861" width="7.125" style="1" customWidth="1"/>
    <col min="14862" max="15104" width="9" style="1"/>
    <col min="15105" max="15106" width="2.625" style="1" customWidth="1"/>
    <col min="15107" max="15107" width="8.625" style="1" bestFit="1" customWidth="1"/>
    <col min="15108" max="15109" width="10.125" style="1" bestFit="1" customWidth="1"/>
    <col min="15110" max="15110" width="9.125" style="1" customWidth="1"/>
    <col min="15111" max="15112" width="10.125" style="1" bestFit="1" customWidth="1"/>
    <col min="15113" max="15113" width="9.125" style="1" customWidth="1"/>
    <col min="15114" max="15114" width="7.125" style="1" bestFit="1" customWidth="1"/>
    <col min="15115" max="15116" width="3.875" style="1" customWidth="1"/>
    <col min="15117" max="15117" width="7.125" style="1" customWidth="1"/>
    <col min="15118" max="15360" width="9" style="1"/>
    <col min="15361" max="15362" width="2.625" style="1" customWidth="1"/>
    <col min="15363" max="15363" width="8.625" style="1" bestFit="1" customWidth="1"/>
    <col min="15364" max="15365" width="10.125" style="1" bestFit="1" customWidth="1"/>
    <col min="15366" max="15366" width="9.125" style="1" customWidth="1"/>
    <col min="15367" max="15368" width="10.125" style="1" bestFit="1" customWidth="1"/>
    <col min="15369" max="15369" width="9.125" style="1" customWidth="1"/>
    <col min="15370" max="15370" width="7.125" style="1" bestFit="1" customWidth="1"/>
    <col min="15371" max="15372" width="3.875" style="1" customWidth="1"/>
    <col min="15373" max="15373" width="7.125" style="1" customWidth="1"/>
    <col min="15374" max="15616" width="9" style="1"/>
    <col min="15617" max="15618" width="2.625" style="1" customWidth="1"/>
    <col min="15619" max="15619" width="8.625" style="1" bestFit="1" customWidth="1"/>
    <col min="15620" max="15621" width="10.125" style="1" bestFit="1" customWidth="1"/>
    <col min="15622" max="15622" width="9.125" style="1" customWidth="1"/>
    <col min="15623" max="15624" width="10.125" style="1" bestFit="1" customWidth="1"/>
    <col min="15625" max="15625" width="9.125" style="1" customWidth="1"/>
    <col min="15626" max="15626" width="7.125" style="1" bestFit="1" customWidth="1"/>
    <col min="15627" max="15628" width="3.875" style="1" customWidth="1"/>
    <col min="15629" max="15629" width="7.125" style="1" customWidth="1"/>
    <col min="15630" max="15872" width="9" style="1"/>
    <col min="15873" max="15874" width="2.625" style="1" customWidth="1"/>
    <col min="15875" max="15875" width="8.625" style="1" bestFit="1" customWidth="1"/>
    <col min="15876" max="15877" width="10.125" style="1" bestFit="1" customWidth="1"/>
    <col min="15878" max="15878" width="9.125" style="1" customWidth="1"/>
    <col min="15879" max="15880" width="10.125" style="1" bestFit="1" customWidth="1"/>
    <col min="15881" max="15881" width="9.125" style="1" customWidth="1"/>
    <col min="15882" max="15882" width="7.125" style="1" bestFit="1" customWidth="1"/>
    <col min="15883" max="15884" width="3.875" style="1" customWidth="1"/>
    <col min="15885" max="15885" width="7.125" style="1" customWidth="1"/>
    <col min="15886" max="16128" width="9" style="1"/>
    <col min="16129" max="16130" width="2.625" style="1" customWidth="1"/>
    <col min="16131" max="16131" width="8.625" style="1" bestFit="1" customWidth="1"/>
    <col min="16132" max="16133" width="10.125" style="1" bestFit="1" customWidth="1"/>
    <col min="16134" max="16134" width="9.125" style="1" customWidth="1"/>
    <col min="16135" max="16136" width="10.125" style="1" bestFit="1" customWidth="1"/>
    <col min="16137" max="16137" width="9.125" style="1" customWidth="1"/>
    <col min="16138" max="16138" width="7.125" style="1" bestFit="1" customWidth="1"/>
    <col min="16139" max="16140" width="3.875" style="1" customWidth="1"/>
    <col min="16141" max="16141" width="7.125" style="1" customWidth="1"/>
    <col min="16142" max="16384" width="9" style="1"/>
  </cols>
  <sheetData>
    <row r="1" spans="1:13" ht="28.5" customHeight="1">
      <c r="A1" s="186" t="s">
        <v>2</v>
      </c>
      <c r="B1" s="187"/>
      <c r="C1" s="187"/>
      <c r="D1" s="187"/>
      <c r="E1" s="187"/>
      <c r="F1" s="187"/>
      <c r="G1" s="187"/>
      <c r="H1" s="187"/>
      <c r="I1" s="187"/>
      <c r="J1" s="187"/>
      <c r="K1" s="187"/>
      <c r="L1" s="187"/>
      <c r="M1" s="187"/>
    </row>
    <row r="2" spans="1:13" ht="12.75" customHeight="1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</row>
    <row r="3" spans="1:13" ht="17.25" customHeight="1" thickBot="1">
      <c r="J3" s="6"/>
      <c r="K3" s="7"/>
      <c r="L3" s="7"/>
      <c r="M3" s="8" t="s">
        <v>3</v>
      </c>
    </row>
    <row r="4" spans="1:13" s="2" customFormat="1" ht="21" customHeight="1">
      <c r="A4" s="9"/>
      <c r="B4" s="10"/>
      <c r="C4" s="11"/>
      <c r="D4" s="188" t="s">
        <v>4</v>
      </c>
      <c r="E4" s="189"/>
      <c r="F4" s="190"/>
      <c r="G4" s="188" t="s">
        <v>5</v>
      </c>
      <c r="H4" s="189"/>
      <c r="I4" s="190"/>
      <c r="J4" s="188" t="s">
        <v>6</v>
      </c>
      <c r="K4" s="191"/>
      <c r="L4" s="191"/>
      <c r="M4" s="192"/>
    </row>
    <row r="5" spans="1:13" s="2" customFormat="1" ht="21" customHeight="1" thickBot="1">
      <c r="A5" s="193" t="s">
        <v>7</v>
      </c>
      <c r="B5" s="194"/>
      <c r="C5" s="194"/>
      <c r="D5" s="12" t="s">
        <v>8</v>
      </c>
      <c r="E5" s="195" t="s">
        <v>9</v>
      </c>
      <c r="F5" s="196"/>
      <c r="G5" s="12" t="s">
        <v>8</v>
      </c>
      <c r="H5" s="195" t="s">
        <v>9</v>
      </c>
      <c r="I5" s="196"/>
      <c r="J5" s="195" t="s">
        <v>8</v>
      </c>
      <c r="K5" s="197"/>
      <c r="L5" s="195" t="s">
        <v>9</v>
      </c>
      <c r="M5" s="198"/>
    </row>
    <row r="6" spans="1:13" s="2" customFormat="1" ht="17.25" customHeight="1" thickTop="1">
      <c r="A6" s="159" t="s">
        <v>10</v>
      </c>
      <c r="B6" s="131"/>
      <c r="C6" s="131"/>
      <c r="D6" s="13">
        <v>27466</v>
      </c>
      <c r="E6" s="178">
        <v>215485548</v>
      </c>
      <c r="F6" s="179"/>
      <c r="G6" s="13">
        <v>28302</v>
      </c>
      <c r="H6" s="178">
        <v>216924483</v>
      </c>
      <c r="I6" s="179"/>
      <c r="J6" s="163">
        <v>97</v>
      </c>
      <c r="K6" s="180"/>
      <c r="L6" s="163">
        <v>99.3</v>
      </c>
      <c r="M6" s="165"/>
    </row>
    <row r="7" spans="1:13" s="2" customFormat="1" ht="17.25" customHeight="1">
      <c r="A7" s="181" t="s">
        <v>11</v>
      </c>
      <c r="B7" s="182"/>
      <c r="C7" s="182"/>
      <c r="D7" s="14">
        <v>7323</v>
      </c>
      <c r="E7" s="183">
        <v>177524228</v>
      </c>
      <c r="F7" s="184"/>
      <c r="G7" s="15">
        <v>7290</v>
      </c>
      <c r="H7" s="183">
        <v>177918616</v>
      </c>
      <c r="I7" s="184"/>
      <c r="J7" s="120">
        <v>100.5</v>
      </c>
      <c r="K7" s="185"/>
      <c r="L7" s="120">
        <v>99.8</v>
      </c>
      <c r="M7" s="143"/>
    </row>
    <row r="8" spans="1:13" s="2" customFormat="1" ht="17.25" customHeight="1">
      <c r="A8" s="166" t="s">
        <v>12</v>
      </c>
      <c r="B8" s="167"/>
      <c r="C8" s="16" t="s">
        <v>13</v>
      </c>
      <c r="D8" s="17">
        <v>3885</v>
      </c>
      <c r="E8" s="168">
        <v>79425114</v>
      </c>
      <c r="F8" s="169"/>
      <c r="G8" s="18">
        <v>4000</v>
      </c>
      <c r="H8" s="168">
        <v>82463770</v>
      </c>
      <c r="I8" s="169"/>
      <c r="J8" s="126">
        <v>97.1</v>
      </c>
      <c r="K8" s="170"/>
      <c r="L8" s="126">
        <v>96.3</v>
      </c>
      <c r="M8" s="145"/>
    </row>
    <row r="9" spans="1:13" s="2" customFormat="1" ht="17.25" customHeight="1" thickBot="1">
      <c r="A9" s="171" t="s">
        <v>14</v>
      </c>
      <c r="B9" s="172"/>
      <c r="C9" s="172"/>
      <c r="D9" s="15">
        <v>20143</v>
      </c>
      <c r="E9" s="173">
        <v>37961320</v>
      </c>
      <c r="F9" s="174"/>
      <c r="G9" s="15">
        <v>21012</v>
      </c>
      <c r="H9" s="173">
        <v>39005867</v>
      </c>
      <c r="I9" s="174"/>
      <c r="J9" s="175">
        <v>95.9</v>
      </c>
      <c r="K9" s="176"/>
      <c r="L9" s="175">
        <v>97.3</v>
      </c>
      <c r="M9" s="177"/>
    </row>
    <row r="10" spans="1:13" s="2" customFormat="1" ht="17.25" customHeight="1" thickBot="1">
      <c r="A10" s="19"/>
      <c r="B10" s="19"/>
      <c r="C10" s="19"/>
      <c r="D10" s="20"/>
      <c r="E10" s="20"/>
      <c r="F10" s="20"/>
      <c r="G10" s="20"/>
      <c r="H10" s="20"/>
      <c r="I10" s="20"/>
      <c r="J10" s="21"/>
      <c r="K10" s="21"/>
      <c r="L10" s="21"/>
      <c r="M10" s="22" t="s">
        <v>15</v>
      </c>
    </row>
    <row r="11" spans="1:13" s="2" customFormat="1" ht="21" customHeight="1" thickBot="1">
      <c r="A11" s="152" t="s">
        <v>16</v>
      </c>
      <c r="B11" s="153"/>
      <c r="C11" s="153"/>
      <c r="D11" s="154" t="s">
        <v>17</v>
      </c>
      <c r="E11" s="155"/>
      <c r="F11" s="156"/>
      <c r="G11" s="154" t="s">
        <v>17</v>
      </c>
      <c r="H11" s="155"/>
      <c r="I11" s="156"/>
      <c r="J11" s="154" t="s">
        <v>6</v>
      </c>
      <c r="K11" s="157"/>
      <c r="L11" s="157"/>
      <c r="M11" s="158"/>
    </row>
    <row r="12" spans="1:13" s="2" customFormat="1" ht="17.25" customHeight="1" thickTop="1">
      <c r="A12" s="159" t="s">
        <v>10</v>
      </c>
      <c r="B12" s="131"/>
      <c r="C12" s="131"/>
      <c r="D12" s="160">
        <v>156706387</v>
      </c>
      <c r="E12" s="161"/>
      <c r="F12" s="162"/>
      <c r="G12" s="160">
        <v>157844606</v>
      </c>
      <c r="H12" s="161"/>
      <c r="I12" s="162"/>
      <c r="J12" s="163">
        <v>99.3</v>
      </c>
      <c r="K12" s="164"/>
      <c r="L12" s="164"/>
      <c r="M12" s="165"/>
    </row>
    <row r="13" spans="1:13" s="2" customFormat="1" ht="17.25" customHeight="1">
      <c r="A13" s="105" t="s">
        <v>18</v>
      </c>
      <c r="B13" s="146" t="s">
        <v>19</v>
      </c>
      <c r="C13" s="147"/>
      <c r="D13" s="111">
        <v>111016297</v>
      </c>
      <c r="E13" s="112"/>
      <c r="F13" s="113"/>
      <c r="G13" s="111">
        <v>109051773</v>
      </c>
      <c r="H13" s="112"/>
      <c r="I13" s="113"/>
      <c r="J13" s="114">
        <v>101.8</v>
      </c>
      <c r="K13" s="140"/>
      <c r="L13" s="140"/>
      <c r="M13" s="141"/>
    </row>
    <row r="14" spans="1:13" s="2" customFormat="1" ht="17.25" customHeight="1">
      <c r="A14" s="106"/>
      <c r="B14" s="148" t="s">
        <v>0</v>
      </c>
      <c r="C14" s="149"/>
      <c r="D14" s="117">
        <v>43544536</v>
      </c>
      <c r="E14" s="118"/>
      <c r="F14" s="119"/>
      <c r="G14" s="117">
        <v>43064428</v>
      </c>
      <c r="H14" s="118"/>
      <c r="I14" s="119"/>
      <c r="J14" s="120">
        <v>101.1</v>
      </c>
      <c r="K14" s="142"/>
      <c r="L14" s="142"/>
      <c r="M14" s="143"/>
    </row>
    <row r="15" spans="1:13" s="2" customFormat="1" ht="17.25" customHeight="1">
      <c r="A15" s="138"/>
      <c r="B15" s="150" t="s">
        <v>1</v>
      </c>
      <c r="C15" s="151"/>
      <c r="D15" s="123">
        <v>67471761</v>
      </c>
      <c r="E15" s="124"/>
      <c r="F15" s="125"/>
      <c r="G15" s="123">
        <v>65987345</v>
      </c>
      <c r="H15" s="124"/>
      <c r="I15" s="125"/>
      <c r="J15" s="126">
        <v>102.2</v>
      </c>
      <c r="K15" s="144"/>
      <c r="L15" s="144"/>
      <c r="M15" s="145"/>
    </row>
    <row r="16" spans="1:13" s="2" customFormat="1" ht="17.25" customHeight="1">
      <c r="A16" s="105" t="s">
        <v>20</v>
      </c>
      <c r="B16" s="146" t="s">
        <v>19</v>
      </c>
      <c r="C16" s="147"/>
      <c r="D16" s="111">
        <v>45690090</v>
      </c>
      <c r="E16" s="112"/>
      <c r="F16" s="113"/>
      <c r="G16" s="111">
        <v>48792833</v>
      </c>
      <c r="H16" s="112"/>
      <c r="I16" s="113"/>
      <c r="J16" s="114">
        <v>93.6</v>
      </c>
      <c r="K16" s="140"/>
      <c r="L16" s="140"/>
      <c r="M16" s="141"/>
    </row>
    <row r="17" spans="1:13" s="2" customFormat="1" ht="17.25" customHeight="1">
      <c r="A17" s="106"/>
      <c r="B17" s="148" t="s">
        <v>21</v>
      </c>
      <c r="C17" s="149"/>
      <c r="D17" s="117">
        <v>22517820</v>
      </c>
      <c r="E17" s="118"/>
      <c r="F17" s="119"/>
      <c r="G17" s="117">
        <v>24345951</v>
      </c>
      <c r="H17" s="118"/>
      <c r="I17" s="119"/>
      <c r="J17" s="120">
        <v>92.5</v>
      </c>
      <c r="K17" s="142"/>
      <c r="L17" s="142"/>
      <c r="M17" s="143"/>
    </row>
    <row r="18" spans="1:13" s="2" customFormat="1" ht="17.25" customHeight="1">
      <c r="A18" s="138"/>
      <c r="B18" s="150" t="s">
        <v>22</v>
      </c>
      <c r="C18" s="151"/>
      <c r="D18" s="123">
        <v>23172270</v>
      </c>
      <c r="E18" s="124"/>
      <c r="F18" s="125"/>
      <c r="G18" s="123">
        <v>24446882</v>
      </c>
      <c r="H18" s="124"/>
      <c r="I18" s="125"/>
      <c r="J18" s="126">
        <v>94.8</v>
      </c>
      <c r="K18" s="144"/>
      <c r="L18" s="144"/>
      <c r="M18" s="145"/>
    </row>
    <row r="19" spans="1:13" s="2" customFormat="1" ht="17.25" customHeight="1">
      <c r="A19" s="105" t="s">
        <v>23</v>
      </c>
      <c r="B19" s="108" t="s">
        <v>24</v>
      </c>
      <c r="C19" s="23" t="s">
        <v>19</v>
      </c>
      <c r="D19" s="111">
        <v>46244557</v>
      </c>
      <c r="E19" s="112"/>
      <c r="F19" s="113"/>
      <c r="G19" s="111">
        <v>45346686</v>
      </c>
      <c r="H19" s="112"/>
      <c r="I19" s="113"/>
      <c r="J19" s="114">
        <v>102</v>
      </c>
      <c r="K19" s="140"/>
      <c r="L19" s="140"/>
      <c r="M19" s="141"/>
    </row>
    <row r="20" spans="1:13" s="2" customFormat="1" ht="17.25" customHeight="1">
      <c r="A20" s="106"/>
      <c r="B20" s="109"/>
      <c r="C20" s="24" t="s">
        <v>25</v>
      </c>
      <c r="D20" s="117">
        <v>23121733</v>
      </c>
      <c r="E20" s="118"/>
      <c r="F20" s="119"/>
      <c r="G20" s="117">
        <v>22658764</v>
      </c>
      <c r="H20" s="118"/>
      <c r="I20" s="119"/>
      <c r="J20" s="120">
        <v>102</v>
      </c>
      <c r="K20" s="142"/>
      <c r="L20" s="142"/>
      <c r="M20" s="143"/>
    </row>
    <row r="21" spans="1:13" s="2" customFormat="1" ht="17.25" customHeight="1">
      <c r="A21" s="106"/>
      <c r="B21" s="110"/>
      <c r="C21" s="25" t="s">
        <v>26</v>
      </c>
      <c r="D21" s="123">
        <v>23122824</v>
      </c>
      <c r="E21" s="124"/>
      <c r="F21" s="125"/>
      <c r="G21" s="123">
        <v>22687922</v>
      </c>
      <c r="H21" s="124"/>
      <c r="I21" s="125"/>
      <c r="J21" s="126">
        <v>101.9</v>
      </c>
      <c r="K21" s="144"/>
      <c r="L21" s="144"/>
      <c r="M21" s="145"/>
    </row>
    <row r="22" spans="1:13" s="30" customFormat="1" ht="11.25" customHeight="1">
      <c r="A22" s="106"/>
      <c r="B22" s="108" t="s">
        <v>27</v>
      </c>
      <c r="C22" s="130" t="s">
        <v>19</v>
      </c>
      <c r="D22" s="26" t="s">
        <v>28</v>
      </c>
      <c r="E22" s="27" t="s">
        <v>29</v>
      </c>
      <c r="F22" s="26" t="s">
        <v>30</v>
      </c>
      <c r="G22" s="26" t="s">
        <v>28</v>
      </c>
      <c r="H22" s="27" t="s">
        <v>29</v>
      </c>
      <c r="I22" s="26" t="s">
        <v>30</v>
      </c>
      <c r="J22" s="28" t="s">
        <v>28</v>
      </c>
      <c r="K22" s="132" t="s">
        <v>29</v>
      </c>
      <c r="L22" s="133"/>
      <c r="M22" s="29" t="s">
        <v>30</v>
      </c>
    </row>
    <row r="23" spans="1:13" s="2" customFormat="1" ht="17.25" customHeight="1">
      <c r="A23" s="106"/>
      <c r="B23" s="109"/>
      <c r="C23" s="131"/>
      <c r="D23" s="31">
        <v>2755490.05</v>
      </c>
      <c r="E23" s="31">
        <v>2183393.5</v>
      </c>
      <c r="F23" s="31">
        <v>572096.55000000005</v>
      </c>
      <c r="G23" s="31">
        <v>2698118.3</v>
      </c>
      <c r="H23" s="31">
        <v>2149657</v>
      </c>
      <c r="I23" s="31">
        <v>548461.30000000005</v>
      </c>
      <c r="J23" s="32">
        <v>102.1</v>
      </c>
      <c r="K23" s="114">
        <v>101.6</v>
      </c>
      <c r="L23" s="134"/>
      <c r="M23" s="33">
        <v>104.3</v>
      </c>
    </row>
    <row r="24" spans="1:13" s="2" customFormat="1" ht="17.25" customHeight="1">
      <c r="A24" s="106"/>
      <c r="B24" s="109"/>
      <c r="C24" s="24" t="s">
        <v>25</v>
      </c>
      <c r="D24" s="14">
        <v>1373445.6</v>
      </c>
      <c r="E24" s="14">
        <v>1078723</v>
      </c>
      <c r="F24" s="14">
        <v>294722.59999999998</v>
      </c>
      <c r="G24" s="14">
        <v>1352213.25</v>
      </c>
      <c r="H24" s="14">
        <v>1063697</v>
      </c>
      <c r="I24" s="14">
        <v>288516.25</v>
      </c>
      <c r="J24" s="34">
        <v>101.6</v>
      </c>
      <c r="K24" s="120">
        <v>101.4</v>
      </c>
      <c r="L24" s="135"/>
      <c r="M24" s="35">
        <v>102.2</v>
      </c>
    </row>
    <row r="25" spans="1:13" s="2" customFormat="1" ht="17.25" customHeight="1">
      <c r="A25" s="138"/>
      <c r="B25" s="110"/>
      <c r="C25" s="25" t="s">
        <v>26</v>
      </c>
      <c r="D25" s="36">
        <v>1382044.45</v>
      </c>
      <c r="E25" s="37">
        <v>1104670.5</v>
      </c>
      <c r="F25" s="37">
        <v>277373.95</v>
      </c>
      <c r="G25" s="36">
        <v>1345905.05</v>
      </c>
      <c r="H25" s="37">
        <v>1085960</v>
      </c>
      <c r="I25" s="37">
        <v>259945.05</v>
      </c>
      <c r="J25" s="38">
        <v>102.7</v>
      </c>
      <c r="K25" s="126">
        <v>101.7</v>
      </c>
      <c r="L25" s="139"/>
      <c r="M25" s="39">
        <v>106.7</v>
      </c>
    </row>
    <row r="26" spans="1:13" s="2" customFormat="1" ht="17.25" customHeight="1">
      <c r="A26" s="105" t="s">
        <v>31</v>
      </c>
      <c r="B26" s="108" t="s">
        <v>24</v>
      </c>
      <c r="C26" s="23" t="s">
        <v>19</v>
      </c>
      <c r="D26" s="111">
        <v>45890462</v>
      </c>
      <c r="E26" s="112"/>
      <c r="F26" s="113"/>
      <c r="G26" s="111">
        <v>44925958</v>
      </c>
      <c r="H26" s="112"/>
      <c r="I26" s="113"/>
      <c r="J26" s="114">
        <v>102.1</v>
      </c>
      <c r="K26" s="115"/>
      <c r="L26" s="115"/>
      <c r="M26" s="116"/>
    </row>
    <row r="27" spans="1:13" s="2" customFormat="1" ht="17.25" customHeight="1">
      <c r="A27" s="106"/>
      <c r="B27" s="109"/>
      <c r="C27" s="24" t="s">
        <v>0</v>
      </c>
      <c r="D27" s="117">
        <v>22857820</v>
      </c>
      <c r="E27" s="118"/>
      <c r="F27" s="119"/>
      <c r="G27" s="117">
        <v>22350516</v>
      </c>
      <c r="H27" s="118"/>
      <c r="I27" s="119"/>
      <c r="J27" s="120">
        <v>102.3</v>
      </c>
      <c r="K27" s="121"/>
      <c r="L27" s="121"/>
      <c r="M27" s="122"/>
    </row>
    <row r="28" spans="1:13" s="2" customFormat="1" ht="17.25" customHeight="1">
      <c r="A28" s="106"/>
      <c r="B28" s="110"/>
      <c r="C28" s="25" t="s">
        <v>1</v>
      </c>
      <c r="D28" s="123">
        <v>23032642</v>
      </c>
      <c r="E28" s="124"/>
      <c r="F28" s="125"/>
      <c r="G28" s="123">
        <v>22575442</v>
      </c>
      <c r="H28" s="124"/>
      <c r="I28" s="125"/>
      <c r="J28" s="126">
        <v>102</v>
      </c>
      <c r="K28" s="127"/>
      <c r="L28" s="127"/>
      <c r="M28" s="128"/>
    </row>
    <row r="29" spans="1:13" s="30" customFormat="1" ht="10.5" customHeight="1">
      <c r="A29" s="106"/>
      <c r="B29" s="108" t="s">
        <v>27</v>
      </c>
      <c r="C29" s="130" t="s">
        <v>19</v>
      </c>
      <c r="D29" s="26" t="s">
        <v>28</v>
      </c>
      <c r="E29" s="27" t="s">
        <v>29</v>
      </c>
      <c r="F29" s="26" t="s">
        <v>30</v>
      </c>
      <c r="G29" s="26" t="s">
        <v>28</v>
      </c>
      <c r="H29" s="27" t="s">
        <v>29</v>
      </c>
      <c r="I29" s="26" t="s">
        <v>30</v>
      </c>
      <c r="J29" s="28" t="s">
        <v>28</v>
      </c>
      <c r="K29" s="132" t="s">
        <v>29</v>
      </c>
      <c r="L29" s="133"/>
      <c r="M29" s="29" t="s">
        <v>30</v>
      </c>
    </row>
    <row r="30" spans="1:13" s="2" customFormat="1" ht="17.25" customHeight="1">
      <c r="A30" s="106"/>
      <c r="B30" s="109"/>
      <c r="C30" s="131"/>
      <c r="D30" s="31">
        <v>2588363.25</v>
      </c>
      <c r="E30" s="31">
        <v>2160773</v>
      </c>
      <c r="F30" s="31">
        <v>427590.25</v>
      </c>
      <c r="G30" s="31">
        <v>2534121.5</v>
      </c>
      <c r="H30" s="31">
        <v>2122839</v>
      </c>
      <c r="I30" s="31">
        <v>411282.5</v>
      </c>
      <c r="J30" s="32">
        <v>102.1</v>
      </c>
      <c r="K30" s="114">
        <v>101.8</v>
      </c>
      <c r="L30" s="134"/>
      <c r="M30" s="33">
        <v>104</v>
      </c>
    </row>
    <row r="31" spans="1:13" s="2" customFormat="1" ht="17.25" customHeight="1">
      <c r="A31" s="106"/>
      <c r="B31" s="109"/>
      <c r="C31" s="24" t="s">
        <v>0</v>
      </c>
      <c r="D31" s="14">
        <v>1343034.5</v>
      </c>
      <c r="E31" s="14">
        <v>1061772.5</v>
      </c>
      <c r="F31" s="15">
        <v>281262</v>
      </c>
      <c r="G31" s="14">
        <v>1323437.25</v>
      </c>
      <c r="H31" s="15">
        <v>1043930</v>
      </c>
      <c r="I31" s="15">
        <v>279507.25</v>
      </c>
      <c r="J31" s="34">
        <v>101.5</v>
      </c>
      <c r="K31" s="120">
        <v>101.7</v>
      </c>
      <c r="L31" s="135"/>
      <c r="M31" s="35">
        <v>100.6</v>
      </c>
    </row>
    <row r="32" spans="1:13" s="2" customFormat="1" ht="17.25" customHeight="1">
      <c r="A32" s="138"/>
      <c r="B32" s="110"/>
      <c r="C32" s="25" t="s">
        <v>1</v>
      </c>
      <c r="D32" s="36">
        <v>1245328.75</v>
      </c>
      <c r="E32" s="17">
        <v>1099000.5</v>
      </c>
      <c r="F32" s="18">
        <v>146328.25</v>
      </c>
      <c r="G32" s="17">
        <v>1210684.25</v>
      </c>
      <c r="H32" s="18">
        <v>1078909</v>
      </c>
      <c r="I32" s="18">
        <v>131775.25</v>
      </c>
      <c r="J32" s="40">
        <v>102.9</v>
      </c>
      <c r="K32" s="126">
        <v>101.9</v>
      </c>
      <c r="L32" s="139"/>
      <c r="M32" s="39">
        <v>111</v>
      </c>
    </row>
    <row r="33" spans="1:13" s="2" customFormat="1" ht="17.25" customHeight="1">
      <c r="A33" s="105" t="s">
        <v>32</v>
      </c>
      <c r="B33" s="108" t="s">
        <v>24</v>
      </c>
      <c r="C33" s="23" t="s">
        <v>19</v>
      </c>
      <c r="D33" s="111">
        <v>354095</v>
      </c>
      <c r="E33" s="112"/>
      <c r="F33" s="113"/>
      <c r="G33" s="111">
        <v>420728</v>
      </c>
      <c r="H33" s="112"/>
      <c r="I33" s="113"/>
      <c r="J33" s="114">
        <v>84.2</v>
      </c>
      <c r="K33" s="115"/>
      <c r="L33" s="115"/>
      <c r="M33" s="116"/>
    </row>
    <row r="34" spans="1:13" s="2" customFormat="1" ht="17.25" customHeight="1">
      <c r="A34" s="106"/>
      <c r="B34" s="109"/>
      <c r="C34" s="24" t="s">
        <v>21</v>
      </c>
      <c r="D34" s="117">
        <v>263913</v>
      </c>
      <c r="E34" s="118"/>
      <c r="F34" s="119"/>
      <c r="G34" s="117">
        <v>308248</v>
      </c>
      <c r="H34" s="118"/>
      <c r="I34" s="119"/>
      <c r="J34" s="120">
        <v>85.6</v>
      </c>
      <c r="K34" s="121"/>
      <c r="L34" s="121"/>
      <c r="M34" s="122"/>
    </row>
    <row r="35" spans="1:13" s="2" customFormat="1" ht="17.25" customHeight="1">
      <c r="A35" s="106"/>
      <c r="B35" s="110"/>
      <c r="C35" s="25" t="s">
        <v>22</v>
      </c>
      <c r="D35" s="123">
        <v>90182</v>
      </c>
      <c r="E35" s="124"/>
      <c r="F35" s="125"/>
      <c r="G35" s="123">
        <v>112480</v>
      </c>
      <c r="H35" s="124"/>
      <c r="I35" s="125"/>
      <c r="J35" s="126">
        <v>80.2</v>
      </c>
      <c r="K35" s="127"/>
      <c r="L35" s="127"/>
      <c r="M35" s="128"/>
    </row>
    <row r="36" spans="1:13" s="30" customFormat="1" ht="10.5" customHeight="1">
      <c r="A36" s="106"/>
      <c r="B36" s="108" t="s">
        <v>27</v>
      </c>
      <c r="C36" s="130" t="s">
        <v>19</v>
      </c>
      <c r="D36" s="26" t="s">
        <v>28</v>
      </c>
      <c r="E36" s="27" t="s">
        <v>29</v>
      </c>
      <c r="F36" s="26" t="s">
        <v>30</v>
      </c>
      <c r="G36" s="26" t="s">
        <v>28</v>
      </c>
      <c r="H36" s="27" t="s">
        <v>29</v>
      </c>
      <c r="I36" s="26" t="s">
        <v>30</v>
      </c>
      <c r="J36" s="28" t="s">
        <v>28</v>
      </c>
      <c r="K36" s="132" t="s">
        <v>29</v>
      </c>
      <c r="L36" s="133"/>
      <c r="M36" s="29" t="s">
        <v>30</v>
      </c>
    </row>
    <row r="37" spans="1:13" s="2" customFormat="1" ht="17.25" customHeight="1">
      <c r="A37" s="106"/>
      <c r="B37" s="109"/>
      <c r="C37" s="131"/>
      <c r="D37" s="31">
        <v>167126.79999999999</v>
      </c>
      <c r="E37" s="31">
        <v>22620.5</v>
      </c>
      <c r="F37" s="31">
        <v>144506.29999999999</v>
      </c>
      <c r="G37" s="31">
        <v>163996.79999999999</v>
      </c>
      <c r="H37" s="31">
        <v>26818</v>
      </c>
      <c r="I37" s="31">
        <v>137178.79999999999</v>
      </c>
      <c r="J37" s="32">
        <v>101.9</v>
      </c>
      <c r="K37" s="114">
        <v>84.3</v>
      </c>
      <c r="L37" s="134"/>
      <c r="M37" s="33">
        <v>105.3</v>
      </c>
    </row>
    <row r="38" spans="1:13" s="2" customFormat="1" ht="17.25" customHeight="1">
      <c r="A38" s="106"/>
      <c r="B38" s="109"/>
      <c r="C38" s="24" t="s">
        <v>21</v>
      </c>
      <c r="D38" s="14">
        <v>30411.1</v>
      </c>
      <c r="E38" s="15">
        <v>16950.5</v>
      </c>
      <c r="F38" s="15">
        <v>13460.6</v>
      </c>
      <c r="G38" s="14">
        <v>28776</v>
      </c>
      <c r="H38" s="15">
        <v>19767</v>
      </c>
      <c r="I38" s="15">
        <v>9009</v>
      </c>
      <c r="J38" s="34">
        <v>105.7</v>
      </c>
      <c r="K38" s="120">
        <v>85.8</v>
      </c>
      <c r="L38" s="135"/>
      <c r="M38" s="35">
        <v>149.4</v>
      </c>
    </row>
    <row r="39" spans="1:13" s="2" customFormat="1" ht="17.25" customHeight="1" thickBot="1">
      <c r="A39" s="107"/>
      <c r="B39" s="129"/>
      <c r="C39" s="41" t="s">
        <v>22</v>
      </c>
      <c r="D39" s="42">
        <v>136715.70000000001</v>
      </c>
      <c r="E39" s="43">
        <v>5670</v>
      </c>
      <c r="F39" s="43">
        <v>131045.7</v>
      </c>
      <c r="G39" s="42">
        <v>135220.79999999999</v>
      </c>
      <c r="H39" s="43">
        <v>7051</v>
      </c>
      <c r="I39" s="43">
        <v>128169.8</v>
      </c>
      <c r="J39" s="44">
        <v>101.1</v>
      </c>
      <c r="K39" s="136">
        <v>80.400000000000006</v>
      </c>
      <c r="L39" s="137"/>
      <c r="M39" s="45">
        <v>102.2</v>
      </c>
    </row>
    <row r="40" spans="1:13" s="2" customFormat="1" ht="12" customHeight="1">
      <c r="A40" s="46"/>
      <c r="B40" s="46"/>
      <c r="C40" s="47"/>
      <c r="D40" s="48"/>
      <c r="E40" s="48"/>
      <c r="F40" s="48"/>
      <c r="G40" s="48"/>
      <c r="H40" s="48"/>
      <c r="I40" s="48"/>
      <c r="J40" s="49"/>
      <c r="K40" s="50"/>
      <c r="L40" s="50"/>
      <c r="M40" s="50"/>
    </row>
    <row r="41" spans="1:13" s="2" customFormat="1" ht="17.25" customHeight="1" thickBot="1">
      <c r="A41" s="51" t="s">
        <v>33</v>
      </c>
      <c r="B41" s="52"/>
      <c r="C41" s="52"/>
      <c r="D41" s="53"/>
      <c r="E41" s="53"/>
      <c r="F41" s="53"/>
      <c r="G41" s="53"/>
      <c r="H41" s="53"/>
      <c r="I41" s="53"/>
      <c r="J41" s="54"/>
      <c r="K41" s="55"/>
      <c r="L41" s="55"/>
      <c r="M41" s="55"/>
    </row>
    <row r="42" spans="1:13" s="2" customFormat="1" ht="14.25" customHeight="1">
      <c r="A42" s="87" t="s">
        <v>34</v>
      </c>
      <c r="B42" s="88"/>
      <c r="C42" s="88"/>
      <c r="D42" s="89"/>
      <c r="E42" s="90">
        <v>72521</v>
      </c>
      <c r="F42" s="91"/>
      <c r="G42" s="91"/>
      <c r="H42" s="91"/>
      <c r="I42" s="92"/>
      <c r="J42" s="93" t="s">
        <v>35</v>
      </c>
      <c r="K42" s="94"/>
      <c r="L42" s="94"/>
      <c r="M42" s="95"/>
    </row>
    <row r="43" spans="1:13" s="2" customFormat="1" ht="14.25" customHeight="1">
      <c r="A43" s="66" t="s">
        <v>36</v>
      </c>
      <c r="B43" s="67"/>
      <c r="C43" s="67"/>
      <c r="D43" s="68"/>
      <c r="E43" s="69">
        <v>241783906</v>
      </c>
      <c r="F43" s="70"/>
      <c r="G43" s="70"/>
      <c r="H43" s="70"/>
      <c r="I43" s="71"/>
      <c r="J43" s="72" t="s">
        <v>37</v>
      </c>
      <c r="K43" s="73"/>
      <c r="L43" s="73"/>
      <c r="M43" s="74"/>
    </row>
    <row r="44" spans="1:13" s="2" customFormat="1" ht="14.25" customHeight="1">
      <c r="A44" s="96" t="s">
        <v>38</v>
      </c>
      <c r="B44" s="97"/>
      <c r="C44" s="97"/>
      <c r="D44" s="98"/>
      <c r="E44" s="99">
        <v>218130496</v>
      </c>
      <c r="F44" s="100"/>
      <c r="G44" s="100"/>
      <c r="H44" s="100"/>
      <c r="I44" s="101"/>
      <c r="J44" s="102" t="s">
        <v>39</v>
      </c>
      <c r="K44" s="103"/>
      <c r="L44" s="103"/>
      <c r="M44" s="104"/>
    </row>
    <row r="45" spans="1:13" s="2" customFormat="1" ht="14.25" customHeight="1">
      <c r="A45" s="75" t="s">
        <v>40</v>
      </c>
      <c r="B45" s="76"/>
      <c r="C45" s="76"/>
      <c r="D45" s="77"/>
      <c r="E45" s="84">
        <v>140611794</v>
      </c>
      <c r="F45" s="85"/>
      <c r="G45" s="85"/>
      <c r="H45" s="85"/>
      <c r="I45" s="86"/>
      <c r="J45" s="81" t="s">
        <v>41</v>
      </c>
      <c r="K45" s="82"/>
      <c r="L45" s="82"/>
      <c r="M45" s="83"/>
    </row>
    <row r="46" spans="1:13" s="2" customFormat="1" ht="14.25" customHeight="1">
      <c r="A46" s="66" t="s">
        <v>42</v>
      </c>
      <c r="B46" s="67"/>
      <c r="C46" s="67"/>
      <c r="D46" s="68"/>
      <c r="E46" s="69">
        <v>80685587</v>
      </c>
      <c r="F46" s="70"/>
      <c r="G46" s="70"/>
      <c r="H46" s="70"/>
      <c r="I46" s="71"/>
      <c r="J46" s="72" t="s">
        <v>37</v>
      </c>
      <c r="K46" s="73"/>
      <c r="L46" s="73"/>
      <c r="M46" s="74"/>
    </row>
    <row r="47" spans="1:13" s="2" customFormat="1" ht="14.25" customHeight="1">
      <c r="A47" s="75" t="s">
        <v>43</v>
      </c>
      <c r="B47" s="76"/>
      <c r="C47" s="76"/>
      <c r="D47" s="77"/>
      <c r="E47" s="84">
        <v>49514715</v>
      </c>
      <c r="F47" s="85"/>
      <c r="G47" s="85"/>
      <c r="H47" s="85"/>
      <c r="I47" s="86"/>
      <c r="J47" s="81" t="s">
        <v>44</v>
      </c>
      <c r="K47" s="82"/>
      <c r="L47" s="82"/>
      <c r="M47" s="83"/>
    </row>
    <row r="48" spans="1:13" s="2" customFormat="1" ht="14.25" customHeight="1">
      <c r="A48" s="66" t="s">
        <v>45</v>
      </c>
      <c r="B48" s="67"/>
      <c r="C48" s="67"/>
      <c r="D48" s="68"/>
      <c r="E48" s="69">
        <v>2812897</v>
      </c>
      <c r="F48" s="70"/>
      <c r="G48" s="70"/>
      <c r="H48" s="70"/>
      <c r="I48" s="71"/>
      <c r="J48" s="72" t="s">
        <v>37</v>
      </c>
      <c r="K48" s="73"/>
      <c r="L48" s="73"/>
      <c r="M48" s="74"/>
    </row>
    <row r="49" spans="1:13" s="2" customFormat="1" ht="14.25" customHeight="1">
      <c r="A49" s="75" t="s">
        <v>46</v>
      </c>
      <c r="B49" s="76"/>
      <c r="C49" s="76"/>
      <c r="D49" s="77"/>
      <c r="E49" s="78">
        <v>2699625.8</v>
      </c>
      <c r="F49" s="79"/>
      <c r="G49" s="79"/>
      <c r="H49" s="79"/>
      <c r="I49" s="80"/>
      <c r="J49" s="81" t="s">
        <v>44</v>
      </c>
      <c r="K49" s="82"/>
      <c r="L49" s="82"/>
      <c r="M49" s="83"/>
    </row>
    <row r="50" spans="1:13" s="2" customFormat="1" ht="14.25" customHeight="1" thickBot="1">
      <c r="A50" s="57" t="s">
        <v>47</v>
      </c>
      <c r="B50" s="58"/>
      <c r="C50" s="58"/>
      <c r="D50" s="59"/>
      <c r="E50" s="60">
        <v>257774</v>
      </c>
      <c r="F50" s="61"/>
      <c r="G50" s="61"/>
      <c r="H50" s="61"/>
      <c r="I50" s="62"/>
      <c r="J50" s="63" t="s">
        <v>37</v>
      </c>
      <c r="K50" s="64"/>
      <c r="L50" s="64"/>
      <c r="M50" s="65"/>
    </row>
    <row r="51" spans="1:13" ht="17.25" customHeight="1">
      <c r="A51" s="56" t="s">
        <v>48</v>
      </c>
      <c r="B51" s="56"/>
      <c r="M51" s="5"/>
    </row>
  </sheetData>
  <mergeCells count="141">
    <mergeCell ref="A1:M1"/>
    <mergeCell ref="D4:F4"/>
    <mergeCell ref="G4:I4"/>
    <mergeCell ref="J4:M4"/>
    <mergeCell ref="A5:C5"/>
    <mergeCell ref="E5:F5"/>
    <mergeCell ref="H5:I5"/>
    <mergeCell ref="J5:K5"/>
    <mergeCell ref="L5:M5"/>
    <mergeCell ref="A6:C6"/>
    <mergeCell ref="E6:F6"/>
    <mergeCell ref="H6:I6"/>
    <mergeCell ref="J6:K6"/>
    <mergeCell ref="L6:M6"/>
    <mergeCell ref="A7:C7"/>
    <mergeCell ref="E7:F7"/>
    <mergeCell ref="H7:I7"/>
    <mergeCell ref="J7:K7"/>
    <mergeCell ref="L7:M7"/>
    <mergeCell ref="A8:B8"/>
    <mergeCell ref="E8:F8"/>
    <mergeCell ref="H8:I8"/>
    <mergeCell ref="J8:K8"/>
    <mergeCell ref="L8:M8"/>
    <mergeCell ref="A9:C9"/>
    <mergeCell ref="E9:F9"/>
    <mergeCell ref="H9:I9"/>
    <mergeCell ref="J9:K9"/>
    <mergeCell ref="L9:M9"/>
    <mergeCell ref="A11:C11"/>
    <mergeCell ref="D11:F11"/>
    <mergeCell ref="G11:I11"/>
    <mergeCell ref="J11:M11"/>
    <mergeCell ref="A12:C12"/>
    <mergeCell ref="D12:F12"/>
    <mergeCell ref="G12:I12"/>
    <mergeCell ref="J12:M12"/>
    <mergeCell ref="A13:A15"/>
    <mergeCell ref="B13:C13"/>
    <mergeCell ref="D13:F13"/>
    <mergeCell ref="G13:I13"/>
    <mergeCell ref="J13:M13"/>
    <mergeCell ref="B14:C14"/>
    <mergeCell ref="D14:F14"/>
    <mergeCell ref="G14:I14"/>
    <mergeCell ref="J14:M14"/>
    <mergeCell ref="B15:C15"/>
    <mergeCell ref="D15:F15"/>
    <mergeCell ref="G15:I15"/>
    <mergeCell ref="J15:M15"/>
    <mergeCell ref="A16:A18"/>
    <mergeCell ref="B16:C16"/>
    <mergeCell ref="D16:F16"/>
    <mergeCell ref="G16:I16"/>
    <mergeCell ref="J16:M16"/>
    <mergeCell ref="B17:C17"/>
    <mergeCell ref="D17:F17"/>
    <mergeCell ref="G17:I17"/>
    <mergeCell ref="J17:M17"/>
    <mergeCell ref="B18:C18"/>
    <mergeCell ref="D18:F18"/>
    <mergeCell ref="G18:I18"/>
    <mergeCell ref="J18:M18"/>
    <mergeCell ref="A19:A25"/>
    <mergeCell ref="B19:B21"/>
    <mergeCell ref="D19:F19"/>
    <mergeCell ref="G19:I19"/>
    <mergeCell ref="J19:M19"/>
    <mergeCell ref="D20:F20"/>
    <mergeCell ref="G20:I20"/>
    <mergeCell ref="J20:M20"/>
    <mergeCell ref="D21:F21"/>
    <mergeCell ref="G21:I21"/>
    <mergeCell ref="J21:M21"/>
    <mergeCell ref="B22:B25"/>
    <mergeCell ref="C22:C23"/>
    <mergeCell ref="K22:L22"/>
    <mergeCell ref="K23:L23"/>
    <mergeCell ref="K24:L24"/>
    <mergeCell ref="K25:L25"/>
    <mergeCell ref="A26:A32"/>
    <mergeCell ref="B26:B28"/>
    <mergeCell ref="D26:F26"/>
    <mergeCell ref="G26:I26"/>
    <mergeCell ref="J26:M26"/>
    <mergeCell ref="D27:F27"/>
    <mergeCell ref="G27:I27"/>
    <mergeCell ref="J27:M27"/>
    <mergeCell ref="D28:F28"/>
    <mergeCell ref="G28:I28"/>
    <mergeCell ref="J28:M28"/>
    <mergeCell ref="B29:B32"/>
    <mergeCell ref="C29:C30"/>
    <mergeCell ref="K29:L29"/>
    <mergeCell ref="K30:L30"/>
    <mergeCell ref="K31:L31"/>
    <mergeCell ref="K32:L32"/>
    <mergeCell ref="A33:A39"/>
    <mergeCell ref="B33:B35"/>
    <mergeCell ref="D33:F33"/>
    <mergeCell ref="G33:I33"/>
    <mergeCell ref="J33:M33"/>
    <mergeCell ref="D34:F34"/>
    <mergeCell ref="G34:I34"/>
    <mergeCell ref="J34:M34"/>
    <mergeCell ref="D35:F35"/>
    <mergeCell ref="G35:I35"/>
    <mergeCell ref="J35:M35"/>
    <mergeCell ref="B36:B39"/>
    <mergeCell ref="C36:C37"/>
    <mergeCell ref="K36:L36"/>
    <mergeCell ref="K37:L37"/>
    <mergeCell ref="K38:L38"/>
    <mergeCell ref="K39:L39"/>
    <mergeCell ref="A42:D42"/>
    <mergeCell ref="E42:I42"/>
    <mergeCell ref="J42:M42"/>
    <mergeCell ref="A43:D43"/>
    <mergeCell ref="E43:I43"/>
    <mergeCell ref="J43:M43"/>
    <mergeCell ref="A44:D44"/>
    <mergeCell ref="E44:I44"/>
    <mergeCell ref="J44:M44"/>
    <mergeCell ref="A45:D45"/>
    <mergeCell ref="E45:I45"/>
    <mergeCell ref="J45:M45"/>
    <mergeCell ref="A46:D46"/>
    <mergeCell ref="E46:I46"/>
    <mergeCell ref="J46:M46"/>
    <mergeCell ref="A47:D47"/>
    <mergeCell ref="E47:I47"/>
    <mergeCell ref="J47:M47"/>
    <mergeCell ref="A50:D50"/>
    <mergeCell ref="E50:I50"/>
    <mergeCell ref="J50:M50"/>
    <mergeCell ref="A48:D48"/>
    <mergeCell ref="E48:I48"/>
    <mergeCell ref="J48:M48"/>
    <mergeCell ref="A49:D49"/>
    <mergeCell ref="E49:I49"/>
    <mergeCell ref="J49:M49"/>
  </mergeCells>
  <phoneticPr fontId="2"/>
  <printOptions horizontalCentered="1"/>
  <pageMargins left="0.59055118110236227" right="0.31496062992125984" top="0.59055118110236227" bottom="0.43307086614173229" header="0.39370078740157483" footer="0.2362204724409449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名古屋港港湾統計</vt:lpstr>
    </vt:vector>
  </TitlesOfParts>
  <Company>名古屋港管理組合 企画調整室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統計センター</dc:creator>
  <cp:lastModifiedBy>大矢 竜一（名古屋港管理組合）</cp:lastModifiedBy>
  <cp:lastPrinted>2025-09-29T01:48:29Z</cp:lastPrinted>
  <dcterms:created xsi:type="dcterms:W3CDTF">2001-06-05T08:00:13Z</dcterms:created>
  <dcterms:modified xsi:type="dcterms:W3CDTF">2025-10-28T05:47:59Z</dcterms:modified>
</cp:coreProperties>
</file>